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6"/>
  </p:notesMasterIdLst>
  <p:handoutMasterIdLst>
    <p:handoutMasterId r:id="rId17"/>
  </p:handoutMasterIdLst>
  <p:sldIdLst>
    <p:sldId id="324" r:id="rId8"/>
    <p:sldId id="325" r:id="rId9"/>
    <p:sldId id="330" r:id="rId10"/>
    <p:sldId id="350" r:id="rId11"/>
    <p:sldId id="347" r:id="rId12"/>
    <p:sldId id="348" r:id="rId13"/>
    <p:sldId id="349" r:id="rId14"/>
    <p:sldId id="346"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14" autoAdjust="0"/>
    <p:restoredTop sz="88549" autoAdjust="0"/>
  </p:normalViewPr>
  <p:slideViewPr>
    <p:cSldViewPr snapToGrid="0" showGuides="1">
      <p:cViewPr varScale="1">
        <p:scale>
          <a:sx n="113" d="100"/>
          <a:sy n="113" d="100"/>
        </p:scale>
        <p:origin x="222" y="10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1" d="100"/>
          <a:sy n="81" d="100"/>
        </p:scale>
        <p:origin x="389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slide" Target="slides/slide8.xml"/><Relationship Id="rId10" Type="http://schemas.openxmlformats.org/officeDocument/2006/relationships/slide" Target="slides/slide3.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1/08/2022</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1/08/2022</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Ref idx="1001">
        <a:schemeClr val="bg1"/>
      </p:bgRef>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0" y="1842598"/>
            <a:ext cx="8556988" cy="1820862"/>
          </a:xfrm>
          <a:noFill/>
        </p:spPr>
        <p:txBody>
          <a:bodyPr anchor="b" anchorCtr="0"/>
          <a:lstStyle>
            <a:lvl1pPr algn="l">
              <a:lnSpc>
                <a:spcPct val="95000"/>
              </a:lnSpc>
              <a:defRPr sz="6000">
                <a:solidFill>
                  <a:schemeClr val="tx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57188" y="3767371"/>
            <a:ext cx="8556988" cy="2439264"/>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4" name="Graphic 3">
            <a:extLst>
              <a:ext uri="{FF2B5EF4-FFF2-40B4-BE49-F238E27FC236}">
                <a16:creationId xmlns:a16="http://schemas.microsoft.com/office/drawing/2014/main" id="{FA5CDCBC-0F41-41CE-899D-BDF05F680CF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9CBFFD67-813A-47D6-93D5-82C8D380FF6C}"/>
              </a:ext>
            </a:extLst>
          </p:cNvPr>
          <p:cNvSpPr>
            <a:spLocks noGrp="1"/>
          </p:cNvSpPr>
          <p:nvPr>
            <p:ph type="dt" sz="half" idx="14"/>
          </p:nvPr>
        </p:nvSpPr>
        <p:spPr/>
        <p:txBody>
          <a:bodyPr/>
          <a:lstStyle>
            <a:lvl1pPr algn="r">
              <a:defRPr>
                <a:solidFill>
                  <a:schemeClr val="tx1"/>
                </a:solidFill>
              </a:defRPr>
            </a:lvl1pPr>
          </a:lstStyle>
          <a:p>
            <a:fld id="{05EEFFD9-A2F0-46DC-A7BD-71A765012766}" type="datetime1">
              <a:rPr lang="en-US" smtClean="0"/>
              <a:pPr/>
              <a:t>8/11/2022</a:t>
            </a:fld>
            <a:endParaRPr lang="en-US" dirty="0"/>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0" name="text" descr="{&quot;templafy&quot;:{&quot;id&quot;:&quot;547ba180-6d7b-41b1-b4f8-ff8aa7f1b8d9&quot;}}" title="Form.Cigna_Confidentiality.EvernorthConfidentiality">
            <a:extLst>
              <a:ext uri="{FF2B5EF4-FFF2-40B4-BE49-F238E27FC236}">
                <a16:creationId xmlns:a16="http://schemas.microsoft.com/office/drawing/2014/main" id="{C20DE79F-6308-486F-873C-4D4FAED5AC1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2" name="text" descr="{&quot;templafy&quot;:{&quot;id&quot;:&quot;86d0c498-3a14-4529-8832-63db9684a2ff&quot;}}" title="Form.Cigna_Confidentiality.Cigna_confidentiality">
            <a:extLst>
              <a:ext uri="{FF2B5EF4-FFF2-40B4-BE49-F238E27FC236}">
                <a16:creationId xmlns:a16="http://schemas.microsoft.com/office/drawing/2014/main" id="{8C83A681-8413-4FB4-BB30-D7F89383A65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E. Breaker">
    <p:spTree>
      <p:nvGrpSpPr>
        <p:cNvPr id="1" name=""/>
        <p:cNvGrpSpPr/>
        <p:nvPr/>
      </p:nvGrpSpPr>
      <p:grpSpPr>
        <a:xfrm>
          <a:off x="0" y="0"/>
          <a:ext cx="0" cy="0"/>
          <a:chOff x="0" y="0"/>
          <a:chExt cx="0" cy="0"/>
        </a:xfrm>
      </p:grpSpPr>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tx1"/>
                </a:solidFill>
              </a:defRPr>
            </a:lvl1pPr>
          </a:lstStyle>
          <a:p>
            <a:fld id="{BF341020-96C8-4613-97C9-D3A4F3E2BEAC}" type="datetime1">
              <a:rPr lang="en-US" smtClean="0"/>
              <a:pPr/>
              <a:t>8/11/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3" name="Graphic 2">
            <a:extLst>
              <a:ext uri="{FF2B5EF4-FFF2-40B4-BE49-F238E27FC236}">
                <a16:creationId xmlns:a16="http://schemas.microsoft.com/office/drawing/2014/main" id="{EE9DB83E-41D5-4916-BA79-720394694DBF}"/>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7" name="Title 1">
            <a:extLst>
              <a:ext uri="{FF2B5EF4-FFF2-40B4-BE49-F238E27FC236}">
                <a16:creationId xmlns:a16="http://schemas.microsoft.com/office/drawing/2014/main" id="{0F719CCF-CDC6-487F-8499-7A10CB4B49C7}"/>
              </a:ext>
            </a:extLst>
          </p:cNvPr>
          <p:cNvSpPr>
            <a:spLocks noGrp="1"/>
          </p:cNvSpPr>
          <p:nvPr>
            <p:ph type="ctrTitle" hasCustomPrompt="1"/>
          </p:nvPr>
        </p:nvSpPr>
        <p:spPr>
          <a:xfrm>
            <a:off x="1330325" y="2015832"/>
            <a:ext cx="7586663" cy="1820863"/>
          </a:xfrm>
          <a:noFill/>
        </p:spPr>
        <p:txBody>
          <a:bodyPr anchor="b"/>
          <a:lstStyle>
            <a:lvl1pPr algn="l">
              <a:lnSpc>
                <a:spcPct val="95000"/>
              </a:lnSpc>
              <a:defRPr sz="6000">
                <a:solidFill>
                  <a:schemeClr val="tx1"/>
                </a:solidFill>
              </a:defRPr>
            </a:lvl1pPr>
          </a:lstStyle>
          <a:p>
            <a:r>
              <a:rPr lang="en-US" dirty="0"/>
              <a:t>Click to add title</a:t>
            </a:r>
            <a:endParaRPr lang="en-US"/>
          </a:p>
        </p:txBody>
      </p:sp>
      <p:sp>
        <p:nvSpPr>
          <p:cNvPr id="8" name="Text Placeholder 4">
            <a:extLst>
              <a:ext uri="{FF2B5EF4-FFF2-40B4-BE49-F238E27FC236}">
                <a16:creationId xmlns:a16="http://schemas.microsoft.com/office/drawing/2014/main" id="{01823571-F84B-48FC-89FD-0CA13B2229D8}"/>
              </a:ext>
            </a:extLst>
          </p:cNvPr>
          <p:cNvSpPr>
            <a:spLocks noGrp="1"/>
          </p:cNvSpPr>
          <p:nvPr>
            <p:ph type="body" sz="quarter" idx="13" hasCustomPrompt="1"/>
          </p:nvPr>
        </p:nvSpPr>
        <p:spPr>
          <a:xfrm>
            <a:off x="1327513" y="3940605"/>
            <a:ext cx="7586664" cy="1470412"/>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9" name="Freeform: Shape 8">
            <a:extLst>
              <a:ext uri="{FF2B5EF4-FFF2-40B4-BE49-F238E27FC236}">
                <a16:creationId xmlns:a16="http://schemas.microsoft.com/office/drawing/2014/main" id="{0024DDBB-3AFD-4645-A6B0-83933EC31346}"/>
              </a:ext>
            </a:extLst>
          </p:cNvPr>
          <p:cNvSpPr>
            <a:spLocks/>
          </p:cNvSpPr>
          <p:nvPr userDrawn="1"/>
        </p:nvSpPr>
        <p:spPr bwMode="auto">
          <a:xfrm>
            <a:off x="-1539" y="2736517"/>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Tree>
    <p:extLst>
      <p:ext uri="{BB962C8B-B14F-4D97-AF65-F5344CB8AC3E}">
        <p14:creationId xmlns:p14="http://schemas.microsoft.com/office/powerpoint/2010/main" val="425013966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61932" y="360000"/>
            <a:ext cx="2732106" cy="6138000"/>
          </a:xfrm>
        </p:spPr>
        <p:txBody>
          <a:bodyPr tIns="468000" anchor="ctr" anchorCtr="0"/>
          <a:lstStyle>
            <a:lvl1pPr marL="0" indent="0">
              <a:lnSpc>
                <a:spcPct val="100000"/>
              </a:lnSpc>
              <a:spcAft>
                <a:spcPts val="600"/>
              </a:spcAft>
              <a:buFont typeface="Arial" panose="020B0604020202020204" pitchFamily="34" charset="0"/>
              <a:buChar char="​"/>
              <a:defRPr sz="2800">
                <a:solidFill>
                  <a:schemeClr val="tx1"/>
                </a:solidFill>
              </a:defRPr>
            </a:lvl1pPr>
            <a:lvl2pPr marL="0" indent="0">
              <a:lnSpc>
                <a:spcPct val="100000"/>
              </a:lnSpc>
              <a:spcBef>
                <a:spcPts val="0"/>
              </a:spcBef>
              <a:spcAft>
                <a:spcPts val="600"/>
              </a:spcAft>
              <a:buFont typeface="Arial" panose="020B0604020202020204" pitchFamily="34" charset="0"/>
              <a:buChar char="​"/>
              <a:defRPr sz="2800" b="1">
                <a:solidFill>
                  <a:schemeClr val="tx1"/>
                </a:solidFill>
              </a:defRPr>
            </a:lvl2pPr>
            <a:lvl3pPr marL="0" indent="0">
              <a:lnSpc>
                <a:spcPct val="100000"/>
              </a:lnSpc>
              <a:spcBef>
                <a:spcPts val="0"/>
              </a:spcBef>
              <a:spcAft>
                <a:spcPts val="600"/>
              </a:spcAft>
              <a:buFont typeface="Arial" panose="020B0604020202020204" pitchFamily="34" charset="0"/>
              <a:buChar char="​"/>
              <a:defRPr sz="2800">
                <a:solidFill>
                  <a:schemeClr val="tx1"/>
                </a:solidFill>
              </a:defRPr>
            </a:lvl3pPr>
            <a:lvl4pPr marL="0" indent="0">
              <a:lnSpc>
                <a:spcPct val="100000"/>
              </a:lnSpc>
              <a:spcBef>
                <a:spcPts val="0"/>
              </a:spcBef>
              <a:spcAft>
                <a:spcPts val="600"/>
              </a:spcAft>
              <a:buFont typeface="Arial" panose="020B0604020202020204" pitchFamily="34" charset="0"/>
              <a:buChar char="​"/>
              <a:defRPr sz="2800">
                <a:solidFill>
                  <a:schemeClr val="tx1"/>
                </a:solidFill>
              </a:defRPr>
            </a:lvl4pPr>
            <a:lvl5pPr marL="0" indent="0">
              <a:lnSpc>
                <a:spcPct val="100000"/>
              </a:lnSpc>
              <a:spcBef>
                <a:spcPts val="0"/>
              </a:spcBef>
              <a:spcAft>
                <a:spcPts val="600"/>
              </a:spcAft>
              <a:buFont typeface="Arial" panose="020B0604020202020204" pitchFamily="34" charset="0"/>
              <a:buChar char="​"/>
              <a:defRPr sz="2800">
                <a:solidFill>
                  <a:schemeClr val="tx1"/>
                </a:solidFill>
              </a:defRPr>
            </a:lvl5pPr>
            <a:lvl6pPr marL="0" indent="0">
              <a:lnSpc>
                <a:spcPct val="100000"/>
              </a:lnSpc>
              <a:spcBef>
                <a:spcPts val="0"/>
              </a:spcBef>
              <a:spcAft>
                <a:spcPts val="600"/>
              </a:spcAft>
              <a:buFont typeface="Arial" panose="020B0604020202020204" pitchFamily="34" charset="0"/>
              <a:buChar char="​"/>
              <a:defRPr sz="2800">
                <a:solidFill>
                  <a:schemeClr val="tx1"/>
                </a:solidFill>
              </a:defRPr>
            </a:lvl6pPr>
            <a:lvl7pPr marL="0" indent="0">
              <a:lnSpc>
                <a:spcPct val="100000"/>
              </a:lnSpc>
              <a:spcBef>
                <a:spcPts val="0"/>
              </a:spcBef>
              <a:spcAft>
                <a:spcPts val="600"/>
              </a:spcAft>
              <a:buFont typeface="Arial" panose="020B0604020202020204" pitchFamily="34" charset="0"/>
              <a:buChar char="​"/>
              <a:defRPr sz="2800">
                <a:solidFill>
                  <a:schemeClr val="tx1"/>
                </a:solidFill>
              </a:defRPr>
            </a:lvl7pPr>
            <a:lvl8pPr marL="0" indent="0">
              <a:lnSpc>
                <a:spcPct val="100000"/>
              </a:lnSpc>
              <a:spcBef>
                <a:spcPts val="0"/>
              </a:spcBef>
              <a:spcAft>
                <a:spcPts val="600"/>
              </a:spcAft>
              <a:buFont typeface="Arial" panose="020B0604020202020204" pitchFamily="34" charset="0"/>
              <a:buChar char="​"/>
              <a:defRPr sz="2800">
                <a:solidFill>
                  <a:schemeClr val="tx1"/>
                </a:solidFill>
              </a:defRPr>
            </a:lvl8pPr>
            <a:lvl9pPr marL="0" indent="0">
              <a:lnSpc>
                <a:spcPct val="100000"/>
              </a:lnSpc>
              <a:spcBef>
                <a:spcPts val="0"/>
              </a:spcBef>
              <a:spcAft>
                <a:spcPts val="600"/>
              </a:spcAft>
              <a:buFont typeface="Arial" panose="020B0604020202020204" pitchFamily="34" charset="0"/>
              <a:buChar char="​"/>
              <a:defRPr sz="2800">
                <a:solidFill>
                  <a:schemeClr val="tx1"/>
                </a:solidFill>
              </a:defRPr>
            </a:lvl9pPr>
          </a:lstStyle>
          <a:p>
            <a:pPr lvl="0"/>
            <a:r>
              <a:rPr lang="en-US" noProof="0" dirty="0"/>
              <a:t>XXXX-XXXX</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5" name="Text Placeholder 4">
            <a:extLst>
              <a:ext uri="{FF2B5EF4-FFF2-40B4-BE49-F238E27FC236}">
                <a16:creationId xmlns:a16="http://schemas.microsoft.com/office/drawing/2014/main" id="{DC660A57-127C-4DEF-AB06-FFF0DF48E8C9}"/>
              </a:ext>
            </a:extLst>
          </p:cNvPr>
          <p:cNvSpPr>
            <a:spLocks noGrp="1"/>
          </p:cNvSpPr>
          <p:nvPr>
            <p:ph type="body" sz="quarter" idx="17" hasCustomPrompt="1"/>
          </p:nvPr>
        </p:nvSpPr>
        <p:spPr>
          <a:xfrm>
            <a:off x="3271838" y="360000"/>
            <a:ext cx="8559800" cy="6138000"/>
          </a:xfrm>
        </p:spPr>
        <p:txBody>
          <a:bodyPr tIns="468000" anchor="ctr"/>
          <a:lstStyle>
            <a:lvl1pPr marL="0" indent="0">
              <a:buFont typeface="Arial" panose="020B0604020202020204" pitchFamily="34" charset="0"/>
              <a:buChar char="​"/>
              <a:defRPr sz="2800">
                <a:solidFill>
                  <a:schemeClr val="tx1"/>
                </a:solidFill>
              </a:defRPr>
            </a:lvl1pPr>
            <a:lvl2pPr marL="0" indent="0">
              <a:buFont typeface="Arial" panose="020B0604020202020204" pitchFamily="34" charset="0"/>
              <a:buChar char="​"/>
              <a:defRPr sz="2800">
                <a:solidFill>
                  <a:schemeClr val="tx1"/>
                </a:solidFill>
              </a:defRPr>
            </a:lvl2pPr>
            <a:lvl3pPr marL="0" indent="0">
              <a:spcAft>
                <a:spcPts val="600"/>
              </a:spcAft>
              <a:buFont typeface="Arial" panose="020B0604020202020204" pitchFamily="34" charset="0"/>
              <a:buChar char="​"/>
              <a:defRPr sz="2800">
                <a:solidFill>
                  <a:schemeClr val="tx1"/>
                </a:solidFill>
              </a:defRPr>
            </a:lvl3pPr>
            <a:lvl4pPr marL="0" indent="0">
              <a:spcAft>
                <a:spcPts val="600"/>
              </a:spcAft>
              <a:buFont typeface="Arial" panose="020B0604020202020204" pitchFamily="34" charset="0"/>
              <a:buChar char="​"/>
              <a:defRPr sz="2800">
                <a:solidFill>
                  <a:schemeClr val="tx1"/>
                </a:solidFill>
              </a:defRPr>
            </a:lvl4pPr>
            <a:lvl5pPr marL="0" indent="0">
              <a:spcAft>
                <a:spcPts val="600"/>
              </a:spcAft>
              <a:buFont typeface="Arial" panose="020B0604020202020204" pitchFamily="34" charset="0"/>
              <a:buChar char="​"/>
              <a:defRPr sz="2800">
                <a:solidFill>
                  <a:schemeClr val="tx1"/>
                </a:solidFill>
              </a:defRPr>
            </a:lvl5pPr>
            <a:lvl6pPr marL="0" indent="0">
              <a:buFont typeface="Arial" panose="020B0604020202020204" pitchFamily="34" charset="0"/>
              <a:buChar char="​"/>
              <a:defRPr sz="2800">
                <a:solidFill>
                  <a:schemeClr val="tx1"/>
                </a:solidFill>
              </a:defRPr>
            </a:lvl6pPr>
            <a:lvl7pPr marL="0" indent="0">
              <a:buFont typeface="Arial" panose="020B0604020202020204" pitchFamily="34" charset="0"/>
              <a:buChar char="​"/>
              <a:defRPr sz="2800">
                <a:solidFill>
                  <a:schemeClr val="tx1"/>
                </a:solidFill>
              </a:defRPr>
            </a:lvl7pPr>
            <a:lvl8pPr marL="0" indent="0">
              <a:buFont typeface="Arial" panose="020B0604020202020204" pitchFamily="34" charset="0"/>
              <a:buChar char="​"/>
              <a:defRPr sz="2800">
                <a:solidFill>
                  <a:schemeClr val="tx1"/>
                </a:solidFill>
              </a:defRPr>
            </a:lvl8pPr>
            <a:lvl9pPr marL="0" indent="0">
              <a:buFont typeface="Arial" panose="020B0604020202020204" pitchFamily="34" charset="0"/>
              <a:buChar char="​"/>
              <a:defRPr sz="2800">
                <a:solidFill>
                  <a:schemeClr val="tx1"/>
                </a:solidFill>
              </a:defRPr>
            </a:lvl9pPr>
          </a:lstStyle>
          <a:p>
            <a:pPr lvl="0"/>
            <a:r>
              <a:rPr lang="en-US" dirty="0"/>
              <a:t>Click to add agenda</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A7F21B62-C4F4-4E29-BC6B-4327021AE59C}" type="datetime1">
              <a:rPr lang="en-US" smtClean="0"/>
              <a:pPr/>
              <a:t>8/11/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D292904C-84EF-40AB-B25F-2EB150291FEA}"/>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0" name="text" descr="{&quot;templafy&quot;:{&quot;id&quot;:&quot;d9445c1d-6298-4ff1-932f-28d4c8702774&quot;}}" title="Form.Cigna_Confidentiality.EvernorthConfidentiality">
            <a:extLst>
              <a:ext uri="{FF2B5EF4-FFF2-40B4-BE49-F238E27FC236}">
                <a16:creationId xmlns:a16="http://schemas.microsoft.com/office/drawing/2014/main" id="{5F9B0CBC-1AE4-4659-B35D-877B0314942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15631e0e-255d-4ad4-b3f7-81df8b50f8bc&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9831753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rogram">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3599B9A-265E-48B1-A624-8755E27FCB18}"/>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57188" y="360000"/>
            <a:ext cx="11472411" cy="6138000"/>
          </a:xfrm>
        </p:spPr>
        <p:txBody>
          <a:bodyPr tIns="468000" anchor="ctr" anchorCtr="0"/>
          <a:lstStyle>
            <a:lvl1pPr marL="0" indent="0">
              <a:lnSpc>
                <a:spcPct val="100000"/>
              </a:lnSpc>
              <a:spcAft>
                <a:spcPts val="600"/>
              </a:spcAft>
              <a:buFont typeface="Arial" panose="020B0604020202020204" pitchFamily="34" charset="0"/>
              <a:buChar char="​"/>
              <a:defRPr sz="2800">
                <a:solidFill>
                  <a:schemeClr val="tx1"/>
                </a:solidFill>
              </a:defRPr>
            </a:lvl1pPr>
            <a:lvl2pPr marL="0" indent="0">
              <a:lnSpc>
                <a:spcPct val="100000"/>
              </a:lnSpc>
              <a:spcBef>
                <a:spcPts val="0"/>
              </a:spcBef>
              <a:spcAft>
                <a:spcPts val="600"/>
              </a:spcAft>
              <a:buFont typeface="Arial" panose="020B0604020202020204" pitchFamily="34" charset="0"/>
              <a:buChar char="​"/>
              <a:defRPr sz="2800" b="1">
                <a:solidFill>
                  <a:schemeClr val="tx1"/>
                </a:solidFill>
              </a:defRPr>
            </a:lvl2pPr>
            <a:lvl3pPr marL="0" indent="0">
              <a:lnSpc>
                <a:spcPct val="100000"/>
              </a:lnSpc>
              <a:spcBef>
                <a:spcPts val="0"/>
              </a:spcBef>
              <a:spcAft>
                <a:spcPts val="600"/>
              </a:spcAft>
              <a:buFont typeface="Arial" panose="020B0604020202020204" pitchFamily="34" charset="0"/>
              <a:buChar char="​"/>
              <a:defRPr sz="2800">
                <a:solidFill>
                  <a:schemeClr val="tx1"/>
                </a:solidFill>
              </a:defRPr>
            </a:lvl3pPr>
            <a:lvl4pPr marL="0" indent="0">
              <a:lnSpc>
                <a:spcPct val="100000"/>
              </a:lnSpc>
              <a:spcBef>
                <a:spcPts val="0"/>
              </a:spcBef>
              <a:spcAft>
                <a:spcPts val="600"/>
              </a:spcAft>
              <a:buFont typeface="Arial" panose="020B0604020202020204" pitchFamily="34" charset="0"/>
              <a:buChar char="​"/>
              <a:defRPr sz="2800">
                <a:solidFill>
                  <a:schemeClr val="tx1"/>
                </a:solidFill>
              </a:defRPr>
            </a:lvl4pPr>
            <a:lvl5pPr marL="0" indent="0">
              <a:lnSpc>
                <a:spcPct val="100000"/>
              </a:lnSpc>
              <a:spcBef>
                <a:spcPts val="0"/>
              </a:spcBef>
              <a:spcAft>
                <a:spcPts val="600"/>
              </a:spcAft>
              <a:buFont typeface="Arial" panose="020B0604020202020204" pitchFamily="34" charset="0"/>
              <a:buChar char="​"/>
              <a:defRPr sz="2800">
                <a:solidFill>
                  <a:schemeClr val="tx1"/>
                </a:solidFill>
              </a:defRPr>
            </a:lvl5pPr>
            <a:lvl6pPr marL="0" indent="0">
              <a:lnSpc>
                <a:spcPct val="100000"/>
              </a:lnSpc>
              <a:spcBef>
                <a:spcPts val="0"/>
              </a:spcBef>
              <a:spcAft>
                <a:spcPts val="600"/>
              </a:spcAft>
              <a:buFont typeface="Arial" panose="020B0604020202020204" pitchFamily="34" charset="0"/>
              <a:buChar char="​"/>
              <a:defRPr sz="2800">
                <a:solidFill>
                  <a:schemeClr val="tx1"/>
                </a:solidFill>
              </a:defRPr>
            </a:lvl6pPr>
            <a:lvl7pPr marL="0" indent="0">
              <a:lnSpc>
                <a:spcPct val="100000"/>
              </a:lnSpc>
              <a:spcBef>
                <a:spcPts val="0"/>
              </a:spcBef>
              <a:spcAft>
                <a:spcPts val="600"/>
              </a:spcAft>
              <a:buFont typeface="Arial" panose="020B0604020202020204" pitchFamily="34" charset="0"/>
              <a:buChar char="​"/>
              <a:defRPr sz="2800">
                <a:solidFill>
                  <a:schemeClr val="tx1"/>
                </a:solidFill>
              </a:defRPr>
            </a:lvl7pPr>
            <a:lvl8pPr marL="0" indent="0">
              <a:lnSpc>
                <a:spcPct val="100000"/>
              </a:lnSpc>
              <a:spcBef>
                <a:spcPts val="0"/>
              </a:spcBef>
              <a:spcAft>
                <a:spcPts val="600"/>
              </a:spcAft>
              <a:buFont typeface="Arial" panose="020B0604020202020204" pitchFamily="34" charset="0"/>
              <a:buChar char="​"/>
              <a:defRPr sz="2800">
                <a:solidFill>
                  <a:schemeClr val="tx1"/>
                </a:solidFill>
              </a:defRPr>
            </a:lvl8pPr>
            <a:lvl9pPr marL="0" indent="0">
              <a:lnSpc>
                <a:spcPct val="100000"/>
              </a:lnSpc>
              <a:spcBef>
                <a:spcPts val="0"/>
              </a:spcBef>
              <a:spcAft>
                <a:spcPts val="600"/>
              </a:spcAft>
              <a:buFont typeface="Arial" panose="020B0604020202020204" pitchFamily="34" charset="0"/>
              <a:buChar char="​"/>
              <a:defRPr sz="2800">
                <a:solidFill>
                  <a:schemeClr val="tx1"/>
                </a:solidFill>
              </a:defRPr>
            </a:lvl9pPr>
          </a:lstStyle>
          <a:p>
            <a:pPr lvl="0"/>
            <a:r>
              <a:rPr lang="en-US" noProof="0" dirty="0"/>
              <a:t>Click to add agenda</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98CD12B5-7C2C-492E-95CC-04945D0ABEA3}" type="datetime1">
              <a:rPr lang="en-US" smtClean="0"/>
              <a:pPr/>
              <a:t>8/11/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5F56ED9E-B5BB-4283-826A-1BC5F7DDFA9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2" name="text" descr="{&quot;templafy&quot;:{&quot;id&quot;:&quot;c6ffe149-018d-4898-98e9-51ebc92a489c&quot;}}" title="Form.Cigna_Confidentiality.EvernorthConfidentiality">
            <a:extLst>
              <a:ext uri="{FF2B5EF4-FFF2-40B4-BE49-F238E27FC236}">
                <a16:creationId xmlns:a16="http://schemas.microsoft.com/office/drawing/2014/main" id="{D5CD773A-E157-4D9A-A53D-7A5BE0C08C0D}"/>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bddf949e-8a08-4915-a441-042d5562f3ee&quot;}}" title="Form.Cigna_Confidentiality.Cigna_confidentiality">
            <a:extLst>
              <a:ext uri="{FF2B5EF4-FFF2-40B4-BE49-F238E27FC236}">
                <a16:creationId xmlns:a16="http://schemas.microsoft.com/office/drawing/2014/main" id="{52BA8FCB-04F7-461A-99E7-B15F176C9465}"/>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8732245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638AF732-8644-4777-A412-FBE26EAC8B14}" type="datetime1">
              <a:rPr lang="en-US" smtClean="0"/>
              <a:pPr/>
              <a:t>8/11/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5" name="Text Placeholder 4">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56400" y="129600"/>
            <a:ext cx="7588250" cy="269020"/>
          </a:xfrm>
        </p:spPr>
        <p:txBody>
          <a:bodyPr anchor="b" anchorCtr="0"/>
          <a:lstStyle>
            <a:lvl1pPr marL="0" indent="0">
              <a:lnSpc>
                <a:spcPct val="85000"/>
              </a:lnSpc>
              <a:spcBef>
                <a:spcPts val="0"/>
              </a:spcBef>
              <a:spcAft>
                <a:spcPts val="0"/>
              </a:spcAft>
              <a:buNone/>
              <a:defRPr sz="1200" cap="all" spc="150" baseline="0">
                <a:latin typeface="Consolas" panose="020B0609020204030204" pitchFamily="49" charset="0"/>
              </a:defRPr>
            </a:lvl1pPr>
          </a:lstStyle>
          <a:p>
            <a:pPr lvl="0"/>
            <a:r>
              <a:rPr lang="en-US" dirty="0"/>
              <a:t>Click to add title</a:t>
            </a:r>
            <a:endParaRPr lang="en-US"/>
          </a:p>
        </p:txBody>
      </p:sp>
    </p:spTree>
    <p:extLst>
      <p:ext uri="{BB962C8B-B14F-4D97-AF65-F5344CB8AC3E}">
        <p14:creationId xmlns:p14="http://schemas.microsoft.com/office/powerpoint/2010/main" val="273101111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C204FE7F-AC02-4933-A3F3-221A9E33CB7F}" type="datetime1">
              <a:rPr lang="en-US" smtClean="0"/>
              <a:pPr/>
              <a:t>8/11/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7509177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9912"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608138"/>
            <a:ext cx="5645150"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1" name="Text Placeholder 13">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B75E7317-5C50-432B-89EC-265A490DCA0E}"/>
              </a:ext>
            </a:extLst>
          </p:cNvPr>
          <p:cNvSpPr>
            <a:spLocks noGrp="1"/>
          </p:cNvSpPr>
          <p:nvPr>
            <p:ph type="dt" sz="half" idx="10"/>
          </p:nvPr>
        </p:nvSpPr>
        <p:spPr/>
        <p:txBody>
          <a:bodyPr/>
          <a:lstStyle>
            <a:lvl1pPr algn="r">
              <a:defRPr>
                <a:solidFill>
                  <a:schemeClr val="tx1"/>
                </a:solidFill>
              </a:defRPr>
            </a:lvl1pPr>
          </a:lstStyle>
          <a:p>
            <a:fld id="{5BC739D3-B727-456F-B7C6-A0BA01E092E8}" type="datetime1">
              <a:rPr lang="en-US" smtClean="0"/>
              <a:pPr/>
              <a:t>8/11/2022</a:t>
            </a:fld>
            <a:endParaRPr lang="en-US" dirty="0"/>
          </a:p>
        </p:txBody>
      </p:sp>
      <p:sp>
        <p:nvSpPr>
          <p:cNvPr id="10" name="Slide Number Placeholder 9">
            <a:extLst>
              <a:ext uri="{FF2B5EF4-FFF2-40B4-BE49-F238E27FC236}">
                <a16:creationId xmlns:a16="http://schemas.microsoft.com/office/drawing/2014/main" id="{E8CF9AFE-D51A-4ED2-8871-4C392C3284A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9" y="1608138"/>
            <a:ext cx="3706811"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8" y="1608138"/>
            <a:ext cx="3703637"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5" name="Content Placeholder 4">
            <a:extLst>
              <a:ext uri="{FF2B5EF4-FFF2-40B4-BE49-F238E27FC236}">
                <a16:creationId xmlns:a16="http://schemas.microsoft.com/office/drawing/2014/main" id="{BEA3E692-02A6-4F11-A231-6703A0AE1F69}"/>
              </a:ext>
            </a:extLst>
          </p:cNvPr>
          <p:cNvSpPr>
            <a:spLocks noGrp="1"/>
          </p:cNvSpPr>
          <p:nvPr>
            <p:ph sz="quarter" idx="13" hasCustomPrompt="1"/>
          </p:nvPr>
        </p:nvSpPr>
        <p:spPr>
          <a:xfrm>
            <a:off x="8128000" y="1608138"/>
            <a:ext cx="3703638" cy="4364037"/>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ick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1" name="Text Placeholder 13">
            <a:extLst>
              <a:ext uri="{FF2B5EF4-FFF2-40B4-BE49-F238E27FC236}">
                <a16:creationId xmlns:a16="http://schemas.microsoft.com/office/drawing/2014/main" id="{C281E362-EFF0-46A7-978C-2F46B77AD1A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B75E7317-5C50-432B-89EC-265A490DCA0E}"/>
              </a:ext>
            </a:extLst>
          </p:cNvPr>
          <p:cNvSpPr>
            <a:spLocks noGrp="1"/>
          </p:cNvSpPr>
          <p:nvPr>
            <p:ph type="dt" sz="half" idx="10"/>
          </p:nvPr>
        </p:nvSpPr>
        <p:spPr/>
        <p:txBody>
          <a:bodyPr/>
          <a:lstStyle>
            <a:lvl1pPr algn="r">
              <a:defRPr>
                <a:solidFill>
                  <a:schemeClr val="tx1"/>
                </a:solidFill>
              </a:defRPr>
            </a:lvl1pPr>
          </a:lstStyle>
          <a:p>
            <a:fld id="{A79582FA-1A3E-480C-9896-4127CAA226DA}" type="datetime1">
              <a:rPr lang="en-US" smtClean="0"/>
              <a:pPr/>
              <a:t>8/11/2022</a:t>
            </a:fld>
            <a:endParaRPr lang="en-US" dirty="0"/>
          </a:p>
        </p:txBody>
      </p:sp>
      <p:sp>
        <p:nvSpPr>
          <p:cNvPr id="10" name="Slide Number Placeholder 9">
            <a:extLst>
              <a:ext uri="{FF2B5EF4-FFF2-40B4-BE49-F238E27FC236}">
                <a16:creationId xmlns:a16="http://schemas.microsoft.com/office/drawing/2014/main" id="{E8CF9AFE-D51A-4ED2-8871-4C392C3284A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4180050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5643111"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3112"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3" name="Text Placeholder 13">
            <a:extLst>
              <a:ext uri="{FF2B5EF4-FFF2-40B4-BE49-F238E27FC236}">
                <a16:creationId xmlns:a16="http://schemas.microsoft.com/office/drawing/2014/main" id="{4775CBEF-111C-4143-BA6A-8A62D24F1219}"/>
              </a:ext>
            </a:extLst>
          </p:cNvPr>
          <p:cNvSpPr>
            <a:spLocks noGrp="1"/>
          </p:cNvSpPr>
          <p:nvPr>
            <p:ph type="body" sz="quarter" idx="18"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2BD18B41-82B5-4DE4-A301-53A11C4B0C38}" type="datetime1">
              <a:rPr lang="en-US" smtClean="0"/>
              <a:pPr/>
              <a:t>8/11/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D4272737-6289-4225-ABD2-A8EACD0EB46D}"/>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32" name="Picture Placeholder 31">
            <a:extLst>
              <a:ext uri="{FF2B5EF4-FFF2-40B4-BE49-F238E27FC236}">
                <a16:creationId xmlns:a16="http://schemas.microsoft.com/office/drawing/2014/main" id="{8172D938-20CB-4894-915B-0C5DC965AB5F}"/>
              </a:ext>
            </a:extLst>
          </p:cNvPr>
          <p:cNvSpPr>
            <a:spLocks noGrp="1"/>
          </p:cNvSpPr>
          <p:nvPr>
            <p:ph type="pic" sz="quarter" idx="19"/>
          </p:nvPr>
        </p:nvSpPr>
        <p:spPr>
          <a:xfrm>
            <a:off x="6184900" y="360362"/>
            <a:ext cx="5643563" cy="5611813"/>
          </a:xfrm>
          <a:custGeom>
            <a:avLst/>
            <a:gdLst>
              <a:gd name="connsiteX0" fmla="*/ 5140261 w 5643563"/>
              <a:gd name="connsiteY0" fmla="*/ 4981670 h 5611813"/>
              <a:gd name="connsiteX1" fmla="*/ 5140261 w 5643563"/>
              <a:gd name="connsiteY1" fmla="*/ 5103321 h 5611813"/>
              <a:gd name="connsiteX2" fmla="*/ 5018610 w 5643563"/>
              <a:gd name="connsiteY2" fmla="*/ 5103321 h 5611813"/>
              <a:gd name="connsiteX3" fmla="*/ 5018610 w 5643563"/>
              <a:gd name="connsiteY3" fmla="*/ 5147558 h 5611813"/>
              <a:gd name="connsiteX4" fmla="*/ 5140261 w 5643563"/>
              <a:gd name="connsiteY4" fmla="*/ 5147558 h 5611813"/>
              <a:gd name="connsiteX5" fmla="*/ 5140261 w 5643563"/>
              <a:gd name="connsiteY5" fmla="*/ 5269210 h 5611813"/>
              <a:gd name="connsiteX6" fmla="*/ 5184498 w 5643563"/>
              <a:gd name="connsiteY6" fmla="*/ 5269210 h 5611813"/>
              <a:gd name="connsiteX7" fmla="*/ 5184498 w 5643563"/>
              <a:gd name="connsiteY7" fmla="*/ 5147558 h 5611813"/>
              <a:gd name="connsiteX8" fmla="*/ 5306150 w 5643563"/>
              <a:gd name="connsiteY8" fmla="*/ 5147558 h 5611813"/>
              <a:gd name="connsiteX9" fmla="*/ 5306150 w 5643563"/>
              <a:gd name="connsiteY9" fmla="*/ 5103321 h 5611813"/>
              <a:gd name="connsiteX10" fmla="*/ 5184498 w 5643563"/>
              <a:gd name="connsiteY10" fmla="*/ 5103321 h 5611813"/>
              <a:gd name="connsiteX11" fmla="*/ 5184498 w 5643563"/>
              <a:gd name="connsiteY11" fmla="*/ 4981670 h 5611813"/>
              <a:gd name="connsiteX12" fmla="*/ 460106 w 5643563"/>
              <a:gd name="connsiteY12" fmla="*/ 4981670 h 5611813"/>
              <a:gd name="connsiteX13" fmla="*/ 460106 w 5643563"/>
              <a:gd name="connsiteY13" fmla="*/ 5103321 h 5611813"/>
              <a:gd name="connsiteX14" fmla="*/ 338455 w 5643563"/>
              <a:gd name="connsiteY14" fmla="*/ 5103321 h 5611813"/>
              <a:gd name="connsiteX15" fmla="*/ 338455 w 5643563"/>
              <a:gd name="connsiteY15" fmla="*/ 5147558 h 5611813"/>
              <a:gd name="connsiteX16" fmla="*/ 460106 w 5643563"/>
              <a:gd name="connsiteY16" fmla="*/ 5147558 h 5611813"/>
              <a:gd name="connsiteX17" fmla="*/ 460106 w 5643563"/>
              <a:gd name="connsiteY17" fmla="*/ 5269210 h 5611813"/>
              <a:gd name="connsiteX18" fmla="*/ 504343 w 5643563"/>
              <a:gd name="connsiteY18" fmla="*/ 5269210 h 5611813"/>
              <a:gd name="connsiteX19" fmla="*/ 504343 w 5643563"/>
              <a:gd name="connsiteY19" fmla="*/ 5147558 h 5611813"/>
              <a:gd name="connsiteX20" fmla="*/ 625995 w 5643563"/>
              <a:gd name="connsiteY20" fmla="*/ 5147558 h 5611813"/>
              <a:gd name="connsiteX21" fmla="*/ 625995 w 5643563"/>
              <a:gd name="connsiteY21" fmla="*/ 5103321 h 5611813"/>
              <a:gd name="connsiteX22" fmla="*/ 504343 w 5643563"/>
              <a:gd name="connsiteY22" fmla="*/ 5103321 h 5611813"/>
              <a:gd name="connsiteX23" fmla="*/ 504343 w 5643563"/>
              <a:gd name="connsiteY23" fmla="*/ 4981670 h 5611813"/>
              <a:gd name="connsiteX24" fmla="*/ 460106 w 5643563"/>
              <a:gd name="connsiteY24" fmla="*/ 337618 h 5611813"/>
              <a:gd name="connsiteX25" fmla="*/ 460106 w 5643563"/>
              <a:gd name="connsiteY25" fmla="*/ 459269 h 5611813"/>
              <a:gd name="connsiteX26" fmla="*/ 338455 w 5643563"/>
              <a:gd name="connsiteY26" fmla="*/ 459269 h 5611813"/>
              <a:gd name="connsiteX27" fmla="*/ 338455 w 5643563"/>
              <a:gd name="connsiteY27" fmla="*/ 503506 h 5611813"/>
              <a:gd name="connsiteX28" fmla="*/ 460106 w 5643563"/>
              <a:gd name="connsiteY28" fmla="*/ 503506 h 5611813"/>
              <a:gd name="connsiteX29" fmla="*/ 460106 w 5643563"/>
              <a:gd name="connsiteY29" fmla="*/ 625158 h 5611813"/>
              <a:gd name="connsiteX30" fmla="*/ 504343 w 5643563"/>
              <a:gd name="connsiteY30" fmla="*/ 625158 h 5611813"/>
              <a:gd name="connsiteX31" fmla="*/ 504343 w 5643563"/>
              <a:gd name="connsiteY31" fmla="*/ 503506 h 5611813"/>
              <a:gd name="connsiteX32" fmla="*/ 625995 w 5643563"/>
              <a:gd name="connsiteY32" fmla="*/ 503506 h 5611813"/>
              <a:gd name="connsiteX33" fmla="*/ 625995 w 5643563"/>
              <a:gd name="connsiteY33" fmla="*/ 459269 h 5611813"/>
              <a:gd name="connsiteX34" fmla="*/ 504343 w 5643563"/>
              <a:gd name="connsiteY34" fmla="*/ 459269 h 5611813"/>
              <a:gd name="connsiteX35" fmla="*/ 504343 w 5643563"/>
              <a:gd name="connsiteY35" fmla="*/ 337618 h 5611813"/>
              <a:gd name="connsiteX36" fmla="*/ 5140261 w 5643563"/>
              <a:gd name="connsiteY36" fmla="*/ 337618 h 5611813"/>
              <a:gd name="connsiteX37" fmla="*/ 5140261 w 5643563"/>
              <a:gd name="connsiteY37" fmla="*/ 459269 h 5611813"/>
              <a:gd name="connsiteX38" fmla="*/ 5018610 w 5643563"/>
              <a:gd name="connsiteY38" fmla="*/ 459269 h 5611813"/>
              <a:gd name="connsiteX39" fmla="*/ 5018610 w 5643563"/>
              <a:gd name="connsiteY39" fmla="*/ 503506 h 5611813"/>
              <a:gd name="connsiteX40" fmla="*/ 5140261 w 5643563"/>
              <a:gd name="connsiteY40" fmla="*/ 503506 h 5611813"/>
              <a:gd name="connsiteX41" fmla="*/ 5140261 w 5643563"/>
              <a:gd name="connsiteY41" fmla="*/ 625158 h 5611813"/>
              <a:gd name="connsiteX42" fmla="*/ 5184498 w 5643563"/>
              <a:gd name="connsiteY42" fmla="*/ 625158 h 5611813"/>
              <a:gd name="connsiteX43" fmla="*/ 5184498 w 5643563"/>
              <a:gd name="connsiteY43" fmla="*/ 503506 h 5611813"/>
              <a:gd name="connsiteX44" fmla="*/ 5306150 w 5643563"/>
              <a:gd name="connsiteY44" fmla="*/ 503506 h 5611813"/>
              <a:gd name="connsiteX45" fmla="*/ 5306150 w 5643563"/>
              <a:gd name="connsiteY45" fmla="*/ 459269 h 5611813"/>
              <a:gd name="connsiteX46" fmla="*/ 5184498 w 5643563"/>
              <a:gd name="connsiteY46" fmla="*/ 459269 h 5611813"/>
              <a:gd name="connsiteX47" fmla="*/ 5184498 w 5643563"/>
              <a:gd name="connsiteY47" fmla="*/ 337618 h 5611813"/>
              <a:gd name="connsiteX48" fmla="*/ 0 w 5643563"/>
              <a:gd name="connsiteY48" fmla="*/ 0 h 5611813"/>
              <a:gd name="connsiteX49" fmla="*/ 5643563 w 5643563"/>
              <a:gd name="connsiteY49" fmla="*/ 0 h 5611813"/>
              <a:gd name="connsiteX50" fmla="*/ 5643563 w 5643563"/>
              <a:gd name="connsiteY50" fmla="*/ 5611813 h 5611813"/>
              <a:gd name="connsiteX51" fmla="*/ 0 w 5643563"/>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5643563" h="5611813">
                <a:moveTo>
                  <a:pt x="5140261" y="4981670"/>
                </a:moveTo>
                <a:lnTo>
                  <a:pt x="5140261" y="5103321"/>
                </a:lnTo>
                <a:lnTo>
                  <a:pt x="5018610" y="5103321"/>
                </a:lnTo>
                <a:lnTo>
                  <a:pt x="5018610" y="5147558"/>
                </a:lnTo>
                <a:lnTo>
                  <a:pt x="5140261" y="5147558"/>
                </a:lnTo>
                <a:lnTo>
                  <a:pt x="5140261" y="5269210"/>
                </a:lnTo>
                <a:lnTo>
                  <a:pt x="5184498" y="5269210"/>
                </a:lnTo>
                <a:lnTo>
                  <a:pt x="5184498" y="5147558"/>
                </a:lnTo>
                <a:lnTo>
                  <a:pt x="5306150" y="5147558"/>
                </a:lnTo>
                <a:lnTo>
                  <a:pt x="5306150" y="5103321"/>
                </a:lnTo>
                <a:lnTo>
                  <a:pt x="5184498" y="5103321"/>
                </a:lnTo>
                <a:lnTo>
                  <a:pt x="5184498" y="4981670"/>
                </a:lnTo>
                <a:close/>
                <a:moveTo>
                  <a:pt x="460106" y="4981670"/>
                </a:moveTo>
                <a:lnTo>
                  <a:pt x="460106" y="5103321"/>
                </a:lnTo>
                <a:lnTo>
                  <a:pt x="338455" y="5103321"/>
                </a:lnTo>
                <a:lnTo>
                  <a:pt x="338455" y="5147558"/>
                </a:lnTo>
                <a:lnTo>
                  <a:pt x="460106" y="5147558"/>
                </a:lnTo>
                <a:lnTo>
                  <a:pt x="460106" y="5269210"/>
                </a:lnTo>
                <a:lnTo>
                  <a:pt x="504343" y="5269210"/>
                </a:lnTo>
                <a:lnTo>
                  <a:pt x="504343" y="5147558"/>
                </a:lnTo>
                <a:lnTo>
                  <a:pt x="625995" y="5147558"/>
                </a:lnTo>
                <a:lnTo>
                  <a:pt x="625995" y="5103321"/>
                </a:lnTo>
                <a:lnTo>
                  <a:pt x="504343" y="5103321"/>
                </a:lnTo>
                <a:lnTo>
                  <a:pt x="504343" y="4981670"/>
                </a:lnTo>
                <a:close/>
                <a:moveTo>
                  <a:pt x="460106" y="337618"/>
                </a:moveTo>
                <a:lnTo>
                  <a:pt x="460106" y="459269"/>
                </a:lnTo>
                <a:lnTo>
                  <a:pt x="338455" y="459269"/>
                </a:lnTo>
                <a:lnTo>
                  <a:pt x="338455" y="503506"/>
                </a:lnTo>
                <a:lnTo>
                  <a:pt x="460106" y="503506"/>
                </a:lnTo>
                <a:lnTo>
                  <a:pt x="460106" y="625158"/>
                </a:lnTo>
                <a:lnTo>
                  <a:pt x="504343" y="625158"/>
                </a:lnTo>
                <a:lnTo>
                  <a:pt x="504343" y="503506"/>
                </a:lnTo>
                <a:lnTo>
                  <a:pt x="625995" y="503506"/>
                </a:lnTo>
                <a:lnTo>
                  <a:pt x="625995" y="459269"/>
                </a:lnTo>
                <a:lnTo>
                  <a:pt x="504343" y="459269"/>
                </a:lnTo>
                <a:lnTo>
                  <a:pt x="504343" y="337618"/>
                </a:lnTo>
                <a:close/>
                <a:moveTo>
                  <a:pt x="5140261" y="337618"/>
                </a:moveTo>
                <a:lnTo>
                  <a:pt x="5140261" y="459269"/>
                </a:lnTo>
                <a:lnTo>
                  <a:pt x="5018610" y="459269"/>
                </a:lnTo>
                <a:lnTo>
                  <a:pt x="5018610" y="503506"/>
                </a:lnTo>
                <a:lnTo>
                  <a:pt x="5140261" y="503506"/>
                </a:lnTo>
                <a:lnTo>
                  <a:pt x="5140261" y="625158"/>
                </a:lnTo>
                <a:lnTo>
                  <a:pt x="5184498" y="625158"/>
                </a:lnTo>
                <a:lnTo>
                  <a:pt x="5184498" y="503506"/>
                </a:lnTo>
                <a:lnTo>
                  <a:pt x="5306150" y="503506"/>
                </a:lnTo>
                <a:lnTo>
                  <a:pt x="5306150" y="459269"/>
                </a:lnTo>
                <a:lnTo>
                  <a:pt x="5184498" y="459269"/>
                </a:lnTo>
                <a:lnTo>
                  <a:pt x="5184498" y="337618"/>
                </a:lnTo>
                <a:close/>
                <a:moveTo>
                  <a:pt x="0" y="0"/>
                </a:moveTo>
                <a:lnTo>
                  <a:pt x="5643563" y="0"/>
                </a:lnTo>
                <a:lnTo>
                  <a:pt x="5643563"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39790660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6618285"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608138"/>
            <a:ext cx="6618287"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66036C9A-58D8-4CD5-8553-B64CAC3D22A8}" type="datetime1">
              <a:rPr lang="en-US" smtClean="0"/>
              <a:pPr/>
              <a:t>8/11/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09913093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6618285" cy="648000"/>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194256"/>
            <a:ext cx="6618287" cy="4777919"/>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E88F304F-8934-49D4-A37E-C5947342D0B9}" type="datetime1">
              <a:rPr lang="en-US" smtClean="0"/>
              <a:pPr/>
              <a:t>8/11/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59444251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Title 1"/>
          <p:cNvSpPr>
            <a:spLocks noGrp="1"/>
          </p:cNvSpPr>
          <p:nvPr>
            <p:ph type="ctrTitle" hasCustomPrompt="1"/>
          </p:nvPr>
        </p:nvSpPr>
        <p:spPr>
          <a:xfrm>
            <a:off x="360001" y="1842597"/>
            <a:ext cx="7587024" cy="1820863"/>
          </a:xfrm>
          <a:noFill/>
        </p:spPr>
        <p:txBody>
          <a:bodyPr anchor="b"/>
          <a:lstStyle>
            <a:lvl1pPr algn="l">
              <a:lnSpc>
                <a:spcPct val="95000"/>
              </a:lnSpc>
              <a:defRPr sz="6000">
                <a:solidFill>
                  <a:schemeClr val="accent1"/>
                </a:solidFill>
              </a:defRPr>
            </a:lvl1pPr>
          </a:lstStyle>
          <a:p>
            <a:r>
              <a:rPr lang="en-US" dirty="0"/>
              <a:t>Click to add title</a:t>
            </a:r>
            <a:endParaRPr lang="en-US"/>
          </a:p>
        </p:txBody>
      </p:sp>
      <p:sp>
        <p:nvSpPr>
          <p:cNvPr id="5" name="Text Placeholder 4">
            <a:extLst>
              <a:ext uri="{FF2B5EF4-FFF2-40B4-BE49-F238E27FC236}">
                <a16:creationId xmlns:a16="http://schemas.microsoft.com/office/drawing/2014/main" id="{3B5B8E23-BCCD-48F4-89AE-573991EF269D}"/>
              </a:ext>
            </a:extLst>
          </p:cNvPr>
          <p:cNvSpPr>
            <a:spLocks noGrp="1"/>
          </p:cNvSpPr>
          <p:nvPr>
            <p:ph type="body" sz="quarter" idx="13" hasCustomPrompt="1"/>
          </p:nvPr>
        </p:nvSpPr>
        <p:spPr>
          <a:xfrm>
            <a:off x="357188" y="3767370"/>
            <a:ext cx="7587025" cy="1470412"/>
          </a:xfrm>
        </p:spPr>
        <p:txBody>
          <a:bodyPr/>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bg1"/>
                </a:solidFill>
              </a:defRPr>
            </a:lvl1pPr>
          </a:lstStyle>
          <a:p>
            <a:fld id="{0BDD9EDA-9937-4E4A-B139-CEF9DD452326}" type="datetime1">
              <a:rPr lang="en-US" smtClean="0"/>
              <a:pPr/>
              <a:t>8/11/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7" name="Graphic 6">
            <a:extLst>
              <a:ext uri="{FF2B5EF4-FFF2-40B4-BE49-F238E27FC236}">
                <a16:creationId xmlns:a16="http://schemas.microsoft.com/office/drawing/2014/main" id="{24276A23-64EF-44C3-8D3D-78DC45D6B35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1" name="text" descr="{&quot;templafy&quot;:{&quot;id&quot;:&quot;c641d740-4d84-4762-8a58-242e834337a3&quot;}}" title="Form.Cigna_Confidentiality.EvernorthConfidentiality">
            <a:extLst>
              <a:ext uri="{FF2B5EF4-FFF2-40B4-BE49-F238E27FC236}">
                <a16:creationId xmlns:a16="http://schemas.microsoft.com/office/drawing/2014/main" id="{4AB505AC-05E9-49C6-AEB8-F8C7367257B8}"/>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e04f3f0b-e4d7-44cb-9089-8c57be0396b8&quot;}}" title="Form.Cigna_Confidentiality.Cigna_confidentiality">
            <a:extLst>
              <a:ext uri="{FF2B5EF4-FFF2-40B4-BE49-F238E27FC236}">
                <a16:creationId xmlns:a16="http://schemas.microsoft.com/office/drawing/2014/main" id="{6A154A6A-08DA-4759-AEAC-EDEA5E65EE8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19255717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3706812"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5" name="Content Placeholder 4">
            <a:extLst>
              <a:ext uri="{FF2B5EF4-FFF2-40B4-BE49-F238E27FC236}">
                <a16:creationId xmlns:a16="http://schemas.microsoft.com/office/drawing/2014/main" id="{CC440183-24ED-4F18-90EF-5383913F10F6}"/>
              </a:ext>
            </a:extLst>
          </p:cNvPr>
          <p:cNvSpPr>
            <a:spLocks noGrp="1"/>
          </p:cNvSpPr>
          <p:nvPr>
            <p:ph sz="quarter" idx="20" hasCustomPrompt="1"/>
          </p:nvPr>
        </p:nvSpPr>
        <p:spPr>
          <a:xfrm>
            <a:off x="4243387" y="1608138"/>
            <a:ext cx="3703637" cy="4364037"/>
          </a:xfrm>
        </p:spPr>
        <p:txBody>
          <a:bodyPr/>
          <a:lstStyle>
            <a:lvl1pPr>
              <a:buSzPct val="100000"/>
              <a:defRPr>
                <a:solidFill>
                  <a:schemeClr val="tx1"/>
                </a:solidFill>
              </a:defRPr>
            </a:lvl1pPr>
            <a:lvl2pPr>
              <a:buSzPct val="80000"/>
              <a:defRPr>
                <a:solidFill>
                  <a:schemeClr val="tx1"/>
                </a:solidFill>
              </a:defRPr>
            </a:lvl2pPr>
            <a:lvl3pPr>
              <a:buSzPct val="80000"/>
              <a:defRPr>
                <a:solidFill>
                  <a:schemeClr val="tx1"/>
                </a:solidFill>
              </a:defRPr>
            </a:lvl3pPr>
            <a:lvl4pPr>
              <a:defRPr>
                <a:solidFill>
                  <a:schemeClr val="tx1"/>
                </a:solidFill>
              </a:defRPr>
            </a:lvl4pPr>
            <a:lvl5pPr>
              <a:defRPr>
                <a:solidFill>
                  <a:schemeClr val="tx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AE4101F5-5257-482E-A538-ADAC9A73086C}" type="datetime1">
              <a:rPr lang="en-US" smtClean="0"/>
              <a:pPr/>
              <a:t>8/11/2022</a:t>
            </a:fld>
            <a:endParaRPr lang="en-US" dirty="0"/>
          </a:p>
        </p:txBody>
      </p:sp>
      <p:sp>
        <p:nvSpPr>
          <p:cNvPr id="9" name="Footer Placeholder 8">
            <a:extLst>
              <a:ext uri="{FF2B5EF4-FFF2-40B4-BE49-F238E27FC236}">
                <a16:creationId xmlns:a16="http://schemas.microsoft.com/office/drawing/2014/main" id="{5F74BBD8-400D-45C2-8BF8-E083C79CE5A3}"/>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6" name="Picture Placeholder 25">
            <a:extLst>
              <a:ext uri="{FF2B5EF4-FFF2-40B4-BE49-F238E27FC236}">
                <a16:creationId xmlns:a16="http://schemas.microsoft.com/office/drawing/2014/main" id="{C2D6955C-B7F8-4DE2-A88A-4C0BE8637E72}"/>
              </a:ext>
            </a:extLst>
          </p:cNvPr>
          <p:cNvSpPr>
            <a:spLocks noGrp="1"/>
          </p:cNvSpPr>
          <p:nvPr>
            <p:ph type="pic" sz="quarter" idx="22"/>
          </p:nvPr>
        </p:nvSpPr>
        <p:spPr>
          <a:xfrm>
            <a:off x="8128000" y="358775"/>
            <a:ext cx="3703637" cy="5613400"/>
          </a:xfrm>
          <a:custGeom>
            <a:avLst/>
            <a:gdLst>
              <a:gd name="connsiteX0" fmla="*/ 3171440 w 3703637"/>
              <a:gd name="connsiteY0" fmla="*/ 4965635 h 5613400"/>
              <a:gd name="connsiteX1" fmla="*/ 3171440 w 3703637"/>
              <a:gd name="connsiteY1" fmla="*/ 5087286 h 5613400"/>
              <a:gd name="connsiteX2" fmla="*/ 3049789 w 3703637"/>
              <a:gd name="connsiteY2" fmla="*/ 5087286 h 5613400"/>
              <a:gd name="connsiteX3" fmla="*/ 3049789 w 3703637"/>
              <a:gd name="connsiteY3" fmla="*/ 5131523 h 5613400"/>
              <a:gd name="connsiteX4" fmla="*/ 3171440 w 3703637"/>
              <a:gd name="connsiteY4" fmla="*/ 5131523 h 5613400"/>
              <a:gd name="connsiteX5" fmla="*/ 3171440 w 3703637"/>
              <a:gd name="connsiteY5" fmla="*/ 5253175 h 5613400"/>
              <a:gd name="connsiteX6" fmla="*/ 3215677 w 3703637"/>
              <a:gd name="connsiteY6" fmla="*/ 5253175 h 5613400"/>
              <a:gd name="connsiteX7" fmla="*/ 3215677 w 3703637"/>
              <a:gd name="connsiteY7" fmla="*/ 5131523 h 5613400"/>
              <a:gd name="connsiteX8" fmla="*/ 3337329 w 3703637"/>
              <a:gd name="connsiteY8" fmla="*/ 5131523 h 5613400"/>
              <a:gd name="connsiteX9" fmla="*/ 3337329 w 3703637"/>
              <a:gd name="connsiteY9" fmla="*/ 5087286 h 5613400"/>
              <a:gd name="connsiteX10" fmla="*/ 3215677 w 3703637"/>
              <a:gd name="connsiteY10" fmla="*/ 5087286 h 5613400"/>
              <a:gd name="connsiteX11" fmla="*/ 3215677 w 3703637"/>
              <a:gd name="connsiteY11" fmla="*/ 4965635 h 5613400"/>
              <a:gd name="connsiteX12" fmla="*/ 480088 w 3703637"/>
              <a:gd name="connsiteY12" fmla="*/ 4965635 h 5613400"/>
              <a:gd name="connsiteX13" fmla="*/ 480088 w 3703637"/>
              <a:gd name="connsiteY13" fmla="*/ 5087286 h 5613400"/>
              <a:gd name="connsiteX14" fmla="*/ 358437 w 3703637"/>
              <a:gd name="connsiteY14" fmla="*/ 5087286 h 5613400"/>
              <a:gd name="connsiteX15" fmla="*/ 358437 w 3703637"/>
              <a:gd name="connsiteY15" fmla="*/ 5131523 h 5613400"/>
              <a:gd name="connsiteX16" fmla="*/ 480088 w 3703637"/>
              <a:gd name="connsiteY16" fmla="*/ 5131523 h 5613400"/>
              <a:gd name="connsiteX17" fmla="*/ 480088 w 3703637"/>
              <a:gd name="connsiteY17" fmla="*/ 5253175 h 5613400"/>
              <a:gd name="connsiteX18" fmla="*/ 524325 w 3703637"/>
              <a:gd name="connsiteY18" fmla="*/ 5253175 h 5613400"/>
              <a:gd name="connsiteX19" fmla="*/ 524325 w 3703637"/>
              <a:gd name="connsiteY19" fmla="*/ 5131523 h 5613400"/>
              <a:gd name="connsiteX20" fmla="*/ 645977 w 3703637"/>
              <a:gd name="connsiteY20" fmla="*/ 5131523 h 5613400"/>
              <a:gd name="connsiteX21" fmla="*/ 645977 w 3703637"/>
              <a:gd name="connsiteY21" fmla="*/ 5087286 h 5613400"/>
              <a:gd name="connsiteX22" fmla="*/ 524325 w 3703637"/>
              <a:gd name="connsiteY22" fmla="*/ 5087286 h 5613400"/>
              <a:gd name="connsiteX23" fmla="*/ 524325 w 3703637"/>
              <a:gd name="connsiteY23" fmla="*/ 4965635 h 5613400"/>
              <a:gd name="connsiteX24" fmla="*/ 3171440 w 3703637"/>
              <a:gd name="connsiteY24" fmla="*/ 354399 h 5613400"/>
              <a:gd name="connsiteX25" fmla="*/ 3171440 w 3703637"/>
              <a:gd name="connsiteY25" fmla="*/ 476050 h 5613400"/>
              <a:gd name="connsiteX26" fmla="*/ 3049789 w 3703637"/>
              <a:gd name="connsiteY26" fmla="*/ 476050 h 5613400"/>
              <a:gd name="connsiteX27" fmla="*/ 3049789 w 3703637"/>
              <a:gd name="connsiteY27" fmla="*/ 520287 h 5613400"/>
              <a:gd name="connsiteX28" fmla="*/ 3171440 w 3703637"/>
              <a:gd name="connsiteY28" fmla="*/ 520287 h 5613400"/>
              <a:gd name="connsiteX29" fmla="*/ 3171440 w 3703637"/>
              <a:gd name="connsiteY29" fmla="*/ 641939 h 5613400"/>
              <a:gd name="connsiteX30" fmla="*/ 3215677 w 3703637"/>
              <a:gd name="connsiteY30" fmla="*/ 641939 h 5613400"/>
              <a:gd name="connsiteX31" fmla="*/ 3215677 w 3703637"/>
              <a:gd name="connsiteY31" fmla="*/ 520287 h 5613400"/>
              <a:gd name="connsiteX32" fmla="*/ 3337329 w 3703637"/>
              <a:gd name="connsiteY32" fmla="*/ 520287 h 5613400"/>
              <a:gd name="connsiteX33" fmla="*/ 3337329 w 3703637"/>
              <a:gd name="connsiteY33" fmla="*/ 476050 h 5613400"/>
              <a:gd name="connsiteX34" fmla="*/ 3215677 w 3703637"/>
              <a:gd name="connsiteY34" fmla="*/ 476050 h 5613400"/>
              <a:gd name="connsiteX35" fmla="*/ 3215677 w 3703637"/>
              <a:gd name="connsiteY35" fmla="*/ 354399 h 5613400"/>
              <a:gd name="connsiteX36" fmla="*/ 480088 w 3703637"/>
              <a:gd name="connsiteY36" fmla="*/ 354399 h 5613400"/>
              <a:gd name="connsiteX37" fmla="*/ 480088 w 3703637"/>
              <a:gd name="connsiteY37" fmla="*/ 476050 h 5613400"/>
              <a:gd name="connsiteX38" fmla="*/ 358437 w 3703637"/>
              <a:gd name="connsiteY38" fmla="*/ 476050 h 5613400"/>
              <a:gd name="connsiteX39" fmla="*/ 358437 w 3703637"/>
              <a:gd name="connsiteY39" fmla="*/ 520287 h 5613400"/>
              <a:gd name="connsiteX40" fmla="*/ 480088 w 3703637"/>
              <a:gd name="connsiteY40" fmla="*/ 520287 h 5613400"/>
              <a:gd name="connsiteX41" fmla="*/ 480088 w 3703637"/>
              <a:gd name="connsiteY41" fmla="*/ 641939 h 5613400"/>
              <a:gd name="connsiteX42" fmla="*/ 524325 w 3703637"/>
              <a:gd name="connsiteY42" fmla="*/ 641939 h 5613400"/>
              <a:gd name="connsiteX43" fmla="*/ 524325 w 3703637"/>
              <a:gd name="connsiteY43" fmla="*/ 520287 h 5613400"/>
              <a:gd name="connsiteX44" fmla="*/ 645977 w 3703637"/>
              <a:gd name="connsiteY44" fmla="*/ 520287 h 5613400"/>
              <a:gd name="connsiteX45" fmla="*/ 645977 w 3703637"/>
              <a:gd name="connsiteY45" fmla="*/ 476050 h 5613400"/>
              <a:gd name="connsiteX46" fmla="*/ 524325 w 3703637"/>
              <a:gd name="connsiteY46" fmla="*/ 476050 h 5613400"/>
              <a:gd name="connsiteX47" fmla="*/ 524325 w 3703637"/>
              <a:gd name="connsiteY47" fmla="*/ 354399 h 5613400"/>
              <a:gd name="connsiteX48" fmla="*/ 0 w 3703637"/>
              <a:gd name="connsiteY48" fmla="*/ 0 h 5613400"/>
              <a:gd name="connsiteX49" fmla="*/ 3703637 w 3703637"/>
              <a:gd name="connsiteY49" fmla="*/ 0 h 5613400"/>
              <a:gd name="connsiteX50" fmla="*/ 3703637 w 3703637"/>
              <a:gd name="connsiteY50" fmla="*/ 5613400 h 5613400"/>
              <a:gd name="connsiteX51" fmla="*/ 0 w 3703637"/>
              <a:gd name="connsiteY51" fmla="*/ 5613400 h 5613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703637" h="5613400">
                <a:moveTo>
                  <a:pt x="3171440" y="4965635"/>
                </a:moveTo>
                <a:lnTo>
                  <a:pt x="3171440" y="5087286"/>
                </a:lnTo>
                <a:lnTo>
                  <a:pt x="3049789" y="5087286"/>
                </a:lnTo>
                <a:lnTo>
                  <a:pt x="3049789" y="5131523"/>
                </a:lnTo>
                <a:lnTo>
                  <a:pt x="3171440" y="5131523"/>
                </a:lnTo>
                <a:lnTo>
                  <a:pt x="3171440" y="5253175"/>
                </a:lnTo>
                <a:lnTo>
                  <a:pt x="3215677" y="5253175"/>
                </a:lnTo>
                <a:lnTo>
                  <a:pt x="3215677" y="5131523"/>
                </a:lnTo>
                <a:lnTo>
                  <a:pt x="3337329" y="5131523"/>
                </a:lnTo>
                <a:lnTo>
                  <a:pt x="3337329" y="5087286"/>
                </a:lnTo>
                <a:lnTo>
                  <a:pt x="3215677" y="5087286"/>
                </a:lnTo>
                <a:lnTo>
                  <a:pt x="3215677" y="4965635"/>
                </a:lnTo>
                <a:close/>
                <a:moveTo>
                  <a:pt x="480088" y="4965635"/>
                </a:moveTo>
                <a:lnTo>
                  <a:pt x="480088" y="5087286"/>
                </a:lnTo>
                <a:lnTo>
                  <a:pt x="358437" y="5087286"/>
                </a:lnTo>
                <a:lnTo>
                  <a:pt x="358437" y="5131523"/>
                </a:lnTo>
                <a:lnTo>
                  <a:pt x="480088" y="5131523"/>
                </a:lnTo>
                <a:lnTo>
                  <a:pt x="480088" y="5253175"/>
                </a:lnTo>
                <a:lnTo>
                  <a:pt x="524325" y="5253175"/>
                </a:lnTo>
                <a:lnTo>
                  <a:pt x="524325" y="5131523"/>
                </a:lnTo>
                <a:lnTo>
                  <a:pt x="645977" y="5131523"/>
                </a:lnTo>
                <a:lnTo>
                  <a:pt x="645977" y="5087286"/>
                </a:lnTo>
                <a:lnTo>
                  <a:pt x="524325" y="5087286"/>
                </a:lnTo>
                <a:lnTo>
                  <a:pt x="524325" y="4965635"/>
                </a:lnTo>
                <a:close/>
                <a:moveTo>
                  <a:pt x="3171440" y="354399"/>
                </a:moveTo>
                <a:lnTo>
                  <a:pt x="3171440" y="476050"/>
                </a:lnTo>
                <a:lnTo>
                  <a:pt x="3049789" y="476050"/>
                </a:lnTo>
                <a:lnTo>
                  <a:pt x="3049789" y="520287"/>
                </a:lnTo>
                <a:lnTo>
                  <a:pt x="3171440" y="520287"/>
                </a:lnTo>
                <a:lnTo>
                  <a:pt x="3171440" y="641939"/>
                </a:lnTo>
                <a:lnTo>
                  <a:pt x="3215677" y="641939"/>
                </a:lnTo>
                <a:lnTo>
                  <a:pt x="3215677" y="520287"/>
                </a:lnTo>
                <a:lnTo>
                  <a:pt x="3337329" y="520287"/>
                </a:lnTo>
                <a:lnTo>
                  <a:pt x="3337329" y="476050"/>
                </a:lnTo>
                <a:lnTo>
                  <a:pt x="3215677" y="476050"/>
                </a:lnTo>
                <a:lnTo>
                  <a:pt x="3215677" y="354399"/>
                </a:lnTo>
                <a:close/>
                <a:moveTo>
                  <a:pt x="480088" y="354399"/>
                </a:moveTo>
                <a:lnTo>
                  <a:pt x="480088" y="476050"/>
                </a:lnTo>
                <a:lnTo>
                  <a:pt x="358437" y="476050"/>
                </a:lnTo>
                <a:lnTo>
                  <a:pt x="358437" y="520287"/>
                </a:lnTo>
                <a:lnTo>
                  <a:pt x="480088" y="520287"/>
                </a:lnTo>
                <a:lnTo>
                  <a:pt x="480088" y="641939"/>
                </a:lnTo>
                <a:lnTo>
                  <a:pt x="524325" y="641939"/>
                </a:lnTo>
                <a:lnTo>
                  <a:pt x="524325" y="520287"/>
                </a:lnTo>
                <a:lnTo>
                  <a:pt x="645977" y="520287"/>
                </a:lnTo>
                <a:lnTo>
                  <a:pt x="645977" y="476050"/>
                </a:lnTo>
                <a:lnTo>
                  <a:pt x="524325" y="476050"/>
                </a:lnTo>
                <a:lnTo>
                  <a:pt x="524325" y="354399"/>
                </a:lnTo>
                <a:close/>
                <a:moveTo>
                  <a:pt x="0" y="0"/>
                </a:moveTo>
                <a:lnTo>
                  <a:pt x="3703637" y="0"/>
                </a:lnTo>
                <a:lnTo>
                  <a:pt x="3703637" y="5613400"/>
                </a:lnTo>
                <a:lnTo>
                  <a:pt x="0" y="5613400"/>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3811233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Conten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861E62EB-2D81-8B43-A566-88ABEC772BE9}"/>
              </a:ext>
            </a:extLst>
          </p:cNvPr>
          <p:cNvSpPr/>
          <p:nvPr userDrawn="1"/>
        </p:nvSpPr>
        <p:spPr>
          <a:xfrm>
            <a:off x="6319777" y="520861"/>
            <a:ext cx="5416952" cy="545131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357189" y="360362"/>
            <a:ext cx="5643111"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5643112" cy="4364037"/>
          </a:xfrm>
        </p:spPr>
        <p:txBody>
          <a:bodyPr/>
          <a:lstStyle>
            <a:lvl1pPr>
              <a:buSzPct val="100000"/>
              <a:defRPr>
                <a:solidFill>
                  <a:schemeClr val="tx1"/>
                </a:solidFill>
              </a:defRPr>
            </a:lvl1pPr>
            <a:lvl2pPr>
              <a:buSzPct val="80000"/>
              <a:defRPr>
                <a:solidFill>
                  <a:schemeClr val="tx1"/>
                </a:solidFill>
              </a:defRPr>
            </a:lvl2pPr>
            <a:lvl3pPr marL="804863" indent="-265113">
              <a:buSzPct val="80000"/>
              <a:buFont typeface="Arial" panose="020B0604020202020204" pitchFamily="34" charset="0"/>
              <a:buChar char="•"/>
              <a:tabLst/>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3" name="Text Placeholder 13">
            <a:extLst>
              <a:ext uri="{FF2B5EF4-FFF2-40B4-BE49-F238E27FC236}">
                <a16:creationId xmlns:a16="http://schemas.microsoft.com/office/drawing/2014/main" id="{4775CBEF-111C-4143-BA6A-8A62D24F1219}"/>
              </a:ext>
            </a:extLst>
          </p:cNvPr>
          <p:cNvSpPr>
            <a:spLocks noGrp="1"/>
          </p:cNvSpPr>
          <p:nvPr>
            <p:ph type="body" sz="quarter" idx="18"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3BB9BF0F-1019-415A-BF12-F21B115F8848}" type="datetime1">
              <a:rPr lang="en-US" smtClean="0"/>
              <a:pPr/>
              <a:t>8/11/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D4272737-6289-4225-ABD2-A8EACD0EB46D}"/>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32" name="Picture Placeholder 31">
            <a:extLst>
              <a:ext uri="{FF2B5EF4-FFF2-40B4-BE49-F238E27FC236}">
                <a16:creationId xmlns:a16="http://schemas.microsoft.com/office/drawing/2014/main" id="{8172D938-20CB-4894-915B-0C5DC965AB5F}"/>
              </a:ext>
            </a:extLst>
          </p:cNvPr>
          <p:cNvSpPr>
            <a:spLocks noGrp="1"/>
          </p:cNvSpPr>
          <p:nvPr>
            <p:ph type="pic" sz="quarter" idx="19"/>
          </p:nvPr>
        </p:nvSpPr>
        <p:spPr>
          <a:xfrm>
            <a:off x="6184900" y="360362"/>
            <a:ext cx="5643563" cy="5611813"/>
          </a:xfrm>
          <a:custGeom>
            <a:avLst/>
            <a:gdLst>
              <a:gd name="connsiteX0" fmla="*/ 5140261 w 5643563"/>
              <a:gd name="connsiteY0" fmla="*/ 4981670 h 5611813"/>
              <a:gd name="connsiteX1" fmla="*/ 5140261 w 5643563"/>
              <a:gd name="connsiteY1" fmla="*/ 5103321 h 5611813"/>
              <a:gd name="connsiteX2" fmla="*/ 5018610 w 5643563"/>
              <a:gd name="connsiteY2" fmla="*/ 5103321 h 5611813"/>
              <a:gd name="connsiteX3" fmla="*/ 5018610 w 5643563"/>
              <a:gd name="connsiteY3" fmla="*/ 5147558 h 5611813"/>
              <a:gd name="connsiteX4" fmla="*/ 5140261 w 5643563"/>
              <a:gd name="connsiteY4" fmla="*/ 5147558 h 5611813"/>
              <a:gd name="connsiteX5" fmla="*/ 5140261 w 5643563"/>
              <a:gd name="connsiteY5" fmla="*/ 5269210 h 5611813"/>
              <a:gd name="connsiteX6" fmla="*/ 5184498 w 5643563"/>
              <a:gd name="connsiteY6" fmla="*/ 5269210 h 5611813"/>
              <a:gd name="connsiteX7" fmla="*/ 5184498 w 5643563"/>
              <a:gd name="connsiteY7" fmla="*/ 5147558 h 5611813"/>
              <a:gd name="connsiteX8" fmla="*/ 5306150 w 5643563"/>
              <a:gd name="connsiteY8" fmla="*/ 5147558 h 5611813"/>
              <a:gd name="connsiteX9" fmla="*/ 5306150 w 5643563"/>
              <a:gd name="connsiteY9" fmla="*/ 5103321 h 5611813"/>
              <a:gd name="connsiteX10" fmla="*/ 5184498 w 5643563"/>
              <a:gd name="connsiteY10" fmla="*/ 5103321 h 5611813"/>
              <a:gd name="connsiteX11" fmla="*/ 5184498 w 5643563"/>
              <a:gd name="connsiteY11" fmla="*/ 4981670 h 5611813"/>
              <a:gd name="connsiteX12" fmla="*/ 460106 w 5643563"/>
              <a:gd name="connsiteY12" fmla="*/ 4981670 h 5611813"/>
              <a:gd name="connsiteX13" fmla="*/ 460106 w 5643563"/>
              <a:gd name="connsiteY13" fmla="*/ 5103321 h 5611813"/>
              <a:gd name="connsiteX14" fmla="*/ 338455 w 5643563"/>
              <a:gd name="connsiteY14" fmla="*/ 5103321 h 5611813"/>
              <a:gd name="connsiteX15" fmla="*/ 338455 w 5643563"/>
              <a:gd name="connsiteY15" fmla="*/ 5147558 h 5611813"/>
              <a:gd name="connsiteX16" fmla="*/ 460106 w 5643563"/>
              <a:gd name="connsiteY16" fmla="*/ 5147558 h 5611813"/>
              <a:gd name="connsiteX17" fmla="*/ 460106 w 5643563"/>
              <a:gd name="connsiteY17" fmla="*/ 5269210 h 5611813"/>
              <a:gd name="connsiteX18" fmla="*/ 504343 w 5643563"/>
              <a:gd name="connsiteY18" fmla="*/ 5269210 h 5611813"/>
              <a:gd name="connsiteX19" fmla="*/ 504343 w 5643563"/>
              <a:gd name="connsiteY19" fmla="*/ 5147558 h 5611813"/>
              <a:gd name="connsiteX20" fmla="*/ 625995 w 5643563"/>
              <a:gd name="connsiteY20" fmla="*/ 5147558 h 5611813"/>
              <a:gd name="connsiteX21" fmla="*/ 625995 w 5643563"/>
              <a:gd name="connsiteY21" fmla="*/ 5103321 h 5611813"/>
              <a:gd name="connsiteX22" fmla="*/ 504343 w 5643563"/>
              <a:gd name="connsiteY22" fmla="*/ 5103321 h 5611813"/>
              <a:gd name="connsiteX23" fmla="*/ 504343 w 5643563"/>
              <a:gd name="connsiteY23" fmla="*/ 4981670 h 5611813"/>
              <a:gd name="connsiteX24" fmla="*/ 460106 w 5643563"/>
              <a:gd name="connsiteY24" fmla="*/ 337618 h 5611813"/>
              <a:gd name="connsiteX25" fmla="*/ 460106 w 5643563"/>
              <a:gd name="connsiteY25" fmla="*/ 459269 h 5611813"/>
              <a:gd name="connsiteX26" fmla="*/ 338455 w 5643563"/>
              <a:gd name="connsiteY26" fmla="*/ 459269 h 5611813"/>
              <a:gd name="connsiteX27" fmla="*/ 338455 w 5643563"/>
              <a:gd name="connsiteY27" fmla="*/ 503506 h 5611813"/>
              <a:gd name="connsiteX28" fmla="*/ 460106 w 5643563"/>
              <a:gd name="connsiteY28" fmla="*/ 503506 h 5611813"/>
              <a:gd name="connsiteX29" fmla="*/ 460106 w 5643563"/>
              <a:gd name="connsiteY29" fmla="*/ 625158 h 5611813"/>
              <a:gd name="connsiteX30" fmla="*/ 504343 w 5643563"/>
              <a:gd name="connsiteY30" fmla="*/ 625158 h 5611813"/>
              <a:gd name="connsiteX31" fmla="*/ 504343 w 5643563"/>
              <a:gd name="connsiteY31" fmla="*/ 503506 h 5611813"/>
              <a:gd name="connsiteX32" fmla="*/ 625995 w 5643563"/>
              <a:gd name="connsiteY32" fmla="*/ 503506 h 5611813"/>
              <a:gd name="connsiteX33" fmla="*/ 625995 w 5643563"/>
              <a:gd name="connsiteY33" fmla="*/ 459269 h 5611813"/>
              <a:gd name="connsiteX34" fmla="*/ 504343 w 5643563"/>
              <a:gd name="connsiteY34" fmla="*/ 459269 h 5611813"/>
              <a:gd name="connsiteX35" fmla="*/ 504343 w 5643563"/>
              <a:gd name="connsiteY35" fmla="*/ 337618 h 5611813"/>
              <a:gd name="connsiteX36" fmla="*/ 5140261 w 5643563"/>
              <a:gd name="connsiteY36" fmla="*/ 337618 h 5611813"/>
              <a:gd name="connsiteX37" fmla="*/ 5140261 w 5643563"/>
              <a:gd name="connsiteY37" fmla="*/ 459269 h 5611813"/>
              <a:gd name="connsiteX38" fmla="*/ 5018610 w 5643563"/>
              <a:gd name="connsiteY38" fmla="*/ 459269 h 5611813"/>
              <a:gd name="connsiteX39" fmla="*/ 5018610 w 5643563"/>
              <a:gd name="connsiteY39" fmla="*/ 503506 h 5611813"/>
              <a:gd name="connsiteX40" fmla="*/ 5140261 w 5643563"/>
              <a:gd name="connsiteY40" fmla="*/ 503506 h 5611813"/>
              <a:gd name="connsiteX41" fmla="*/ 5140261 w 5643563"/>
              <a:gd name="connsiteY41" fmla="*/ 625158 h 5611813"/>
              <a:gd name="connsiteX42" fmla="*/ 5184498 w 5643563"/>
              <a:gd name="connsiteY42" fmla="*/ 625158 h 5611813"/>
              <a:gd name="connsiteX43" fmla="*/ 5184498 w 5643563"/>
              <a:gd name="connsiteY43" fmla="*/ 503506 h 5611813"/>
              <a:gd name="connsiteX44" fmla="*/ 5306150 w 5643563"/>
              <a:gd name="connsiteY44" fmla="*/ 503506 h 5611813"/>
              <a:gd name="connsiteX45" fmla="*/ 5306150 w 5643563"/>
              <a:gd name="connsiteY45" fmla="*/ 459269 h 5611813"/>
              <a:gd name="connsiteX46" fmla="*/ 5184498 w 5643563"/>
              <a:gd name="connsiteY46" fmla="*/ 459269 h 5611813"/>
              <a:gd name="connsiteX47" fmla="*/ 5184498 w 5643563"/>
              <a:gd name="connsiteY47" fmla="*/ 337618 h 5611813"/>
              <a:gd name="connsiteX48" fmla="*/ 0 w 5643563"/>
              <a:gd name="connsiteY48" fmla="*/ 0 h 5611813"/>
              <a:gd name="connsiteX49" fmla="*/ 5643563 w 5643563"/>
              <a:gd name="connsiteY49" fmla="*/ 0 h 5611813"/>
              <a:gd name="connsiteX50" fmla="*/ 5643563 w 5643563"/>
              <a:gd name="connsiteY50" fmla="*/ 5611813 h 5611813"/>
              <a:gd name="connsiteX51" fmla="*/ 0 w 5643563"/>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5643563" h="5611813">
                <a:moveTo>
                  <a:pt x="5140261" y="4981670"/>
                </a:moveTo>
                <a:lnTo>
                  <a:pt x="5140261" y="5103321"/>
                </a:lnTo>
                <a:lnTo>
                  <a:pt x="5018610" y="5103321"/>
                </a:lnTo>
                <a:lnTo>
                  <a:pt x="5018610" y="5147558"/>
                </a:lnTo>
                <a:lnTo>
                  <a:pt x="5140261" y="5147558"/>
                </a:lnTo>
                <a:lnTo>
                  <a:pt x="5140261" y="5269210"/>
                </a:lnTo>
                <a:lnTo>
                  <a:pt x="5184498" y="5269210"/>
                </a:lnTo>
                <a:lnTo>
                  <a:pt x="5184498" y="5147558"/>
                </a:lnTo>
                <a:lnTo>
                  <a:pt x="5306150" y="5147558"/>
                </a:lnTo>
                <a:lnTo>
                  <a:pt x="5306150" y="5103321"/>
                </a:lnTo>
                <a:lnTo>
                  <a:pt x="5184498" y="5103321"/>
                </a:lnTo>
                <a:lnTo>
                  <a:pt x="5184498" y="4981670"/>
                </a:lnTo>
                <a:close/>
                <a:moveTo>
                  <a:pt x="460106" y="4981670"/>
                </a:moveTo>
                <a:lnTo>
                  <a:pt x="460106" y="5103321"/>
                </a:lnTo>
                <a:lnTo>
                  <a:pt x="338455" y="5103321"/>
                </a:lnTo>
                <a:lnTo>
                  <a:pt x="338455" y="5147558"/>
                </a:lnTo>
                <a:lnTo>
                  <a:pt x="460106" y="5147558"/>
                </a:lnTo>
                <a:lnTo>
                  <a:pt x="460106" y="5269210"/>
                </a:lnTo>
                <a:lnTo>
                  <a:pt x="504343" y="5269210"/>
                </a:lnTo>
                <a:lnTo>
                  <a:pt x="504343" y="5147558"/>
                </a:lnTo>
                <a:lnTo>
                  <a:pt x="625995" y="5147558"/>
                </a:lnTo>
                <a:lnTo>
                  <a:pt x="625995" y="5103321"/>
                </a:lnTo>
                <a:lnTo>
                  <a:pt x="504343" y="5103321"/>
                </a:lnTo>
                <a:lnTo>
                  <a:pt x="504343" y="4981670"/>
                </a:lnTo>
                <a:close/>
                <a:moveTo>
                  <a:pt x="460106" y="337618"/>
                </a:moveTo>
                <a:lnTo>
                  <a:pt x="460106" y="459269"/>
                </a:lnTo>
                <a:lnTo>
                  <a:pt x="338455" y="459269"/>
                </a:lnTo>
                <a:lnTo>
                  <a:pt x="338455" y="503506"/>
                </a:lnTo>
                <a:lnTo>
                  <a:pt x="460106" y="503506"/>
                </a:lnTo>
                <a:lnTo>
                  <a:pt x="460106" y="625158"/>
                </a:lnTo>
                <a:lnTo>
                  <a:pt x="504343" y="625158"/>
                </a:lnTo>
                <a:lnTo>
                  <a:pt x="504343" y="503506"/>
                </a:lnTo>
                <a:lnTo>
                  <a:pt x="625995" y="503506"/>
                </a:lnTo>
                <a:lnTo>
                  <a:pt x="625995" y="459269"/>
                </a:lnTo>
                <a:lnTo>
                  <a:pt x="504343" y="459269"/>
                </a:lnTo>
                <a:lnTo>
                  <a:pt x="504343" y="337618"/>
                </a:lnTo>
                <a:close/>
                <a:moveTo>
                  <a:pt x="5140261" y="337618"/>
                </a:moveTo>
                <a:lnTo>
                  <a:pt x="5140261" y="459269"/>
                </a:lnTo>
                <a:lnTo>
                  <a:pt x="5018610" y="459269"/>
                </a:lnTo>
                <a:lnTo>
                  <a:pt x="5018610" y="503506"/>
                </a:lnTo>
                <a:lnTo>
                  <a:pt x="5140261" y="503506"/>
                </a:lnTo>
                <a:lnTo>
                  <a:pt x="5140261" y="625158"/>
                </a:lnTo>
                <a:lnTo>
                  <a:pt x="5184498" y="625158"/>
                </a:lnTo>
                <a:lnTo>
                  <a:pt x="5184498" y="503506"/>
                </a:lnTo>
                <a:lnTo>
                  <a:pt x="5306150" y="503506"/>
                </a:lnTo>
                <a:lnTo>
                  <a:pt x="5306150" y="459269"/>
                </a:lnTo>
                <a:lnTo>
                  <a:pt x="5184498" y="459269"/>
                </a:lnTo>
                <a:lnTo>
                  <a:pt x="5184498" y="337618"/>
                </a:lnTo>
                <a:close/>
                <a:moveTo>
                  <a:pt x="0" y="0"/>
                </a:moveTo>
                <a:lnTo>
                  <a:pt x="5643563" y="0"/>
                </a:lnTo>
                <a:lnTo>
                  <a:pt x="5643563"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187413524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Content">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96037F22-DBA2-4F47-8C19-81662A5DF9A9}"/>
              </a:ext>
            </a:extLst>
          </p:cNvPr>
          <p:cNvSpPr/>
          <p:nvPr userDrawn="1"/>
        </p:nvSpPr>
        <p:spPr>
          <a:xfrm>
            <a:off x="7359449" y="425191"/>
            <a:ext cx="4330981" cy="5451314"/>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357189" y="360362"/>
            <a:ext cx="6618285" cy="1068388"/>
          </a:xfr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7" y="1608138"/>
            <a:ext cx="6618287"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CEFCEC39-2372-4045-99EE-39B177B035BF}" type="datetime1">
              <a:rPr lang="en-US" smtClean="0"/>
              <a:pPr/>
              <a:t>8/11/2022</a:t>
            </a:fld>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8">
            <a:extLst>
              <a:ext uri="{FF2B5EF4-FFF2-40B4-BE49-F238E27FC236}">
                <a16:creationId xmlns:a16="http://schemas.microsoft.com/office/drawing/2014/main" id="{E07541F8-0684-4F83-8D6E-DC87AF38CC21}"/>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28" name="Picture Placeholder 27">
            <a:extLst>
              <a:ext uri="{FF2B5EF4-FFF2-40B4-BE49-F238E27FC236}">
                <a16:creationId xmlns:a16="http://schemas.microsoft.com/office/drawing/2014/main" id="{3D685CEA-B501-4631-9A67-E6024F26C4C9}"/>
              </a:ext>
            </a:extLst>
          </p:cNvPr>
          <p:cNvSpPr>
            <a:spLocks noGrp="1"/>
          </p:cNvSpPr>
          <p:nvPr>
            <p:ph type="pic" sz="quarter" idx="20"/>
          </p:nvPr>
        </p:nvSpPr>
        <p:spPr>
          <a:xfrm>
            <a:off x="7154863" y="356963"/>
            <a:ext cx="4673600" cy="5611813"/>
          </a:xfrm>
          <a:custGeom>
            <a:avLst/>
            <a:gdLst>
              <a:gd name="connsiteX0" fmla="*/ 481651 w 4673600"/>
              <a:gd name="connsiteY0" fmla="*/ 4963346 h 5611813"/>
              <a:gd name="connsiteX1" fmla="*/ 481651 w 4673600"/>
              <a:gd name="connsiteY1" fmla="*/ 5084997 h 5611813"/>
              <a:gd name="connsiteX2" fmla="*/ 360000 w 4673600"/>
              <a:gd name="connsiteY2" fmla="*/ 5084997 h 5611813"/>
              <a:gd name="connsiteX3" fmla="*/ 360000 w 4673600"/>
              <a:gd name="connsiteY3" fmla="*/ 5129234 h 5611813"/>
              <a:gd name="connsiteX4" fmla="*/ 481651 w 4673600"/>
              <a:gd name="connsiteY4" fmla="*/ 5129234 h 5611813"/>
              <a:gd name="connsiteX5" fmla="*/ 481651 w 4673600"/>
              <a:gd name="connsiteY5" fmla="*/ 5250886 h 5611813"/>
              <a:gd name="connsiteX6" fmla="*/ 525888 w 4673600"/>
              <a:gd name="connsiteY6" fmla="*/ 5250886 h 5611813"/>
              <a:gd name="connsiteX7" fmla="*/ 525888 w 4673600"/>
              <a:gd name="connsiteY7" fmla="*/ 5129234 h 5611813"/>
              <a:gd name="connsiteX8" fmla="*/ 647540 w 4673600"/>
              <a:gd name="connsiteY8" fmla="*/ 5129234 h 5611813"/>
              <a:gd name="connsiteX9" fmla="*/ 647540 w 4673600"/>
              <a:gd name="connsiteY9" fmla="*/ 5084997 h 5611813"/>
              <a:gd name="connsiteX10" fmla="*/ 525888 w 4673600"/>
              <a:gd name="connsiteY10" fmla="*/ 5084997 h 5611813"/>
              <a:gd name="connsiteX11" fmla="*/ 525888 w 4673600"/>
              <a:gd name="connsiteY11" fmla="*/ 4963346 h 5611813"/>
              <a:gd name="connsiteX12" fmla="*/ 4147711 w 4673600"/>
              <a:gd name="connsiteY12" fmla="*/ 4961577 h 5611813"/>
              <a:gd name="connsiteX13" fmla="*/ 4147711 w 4673600"/>
              <a:gd name="connsiteY13" fmla="*/ 5083228 h 5611813"/>
              <a:gd name="connsiteX14" fmla="*/ 4026060 w 4673600"/>
              <a:gd name="connsiteY14" fmla="*/ 5083228 h 5611813"/>
              <a:gd name="connsiteX15" fmla="*/ 4026060 w 4673600"/>
              <a:gd name="connsiteY15" fmla="*/ 5127465 h 5611813"/>
              <a:gd name="connsiteX16" fmla="*/ 4147711 w 4673600"/>
              <a:gd name="connsiteY16" fmla="*/ 5127465 h 5611813"/>
              <a:gd name="connsiteX17" fmla="*/ 4147711 w 4673600"/>
              <a:gd name="connsiteY17" fmla="*/ 5249117 h 5611813"/>
              <a:gd name="connsiteX18" fmla="*/ 4191948 w 4673600"/>
              <a:gd name="connsiteY18" fmla="*/ 5249117 h 5611813"/>
              <a:gd name="connsiteX19" fmla="*/ 4191948 w 4673600"/>
              <a:gd name="connsiteY19" fmla="*/ 5127465 h 5611813"/>
              <a:gd name="connsiteX20" fmla="*/ 4313600 w 4673600"/>
              <a:gd name="connsiteY20" fmla="*/ 5127465 h 5611813"/>
              <a:gd name="connsiteX21" fmla="*/ 4313600 w 4673600"/>
              <a:gd name="connsiteY21" fmla="*/ 5083228 h 5611813"/>
              <a:gd name="connsiteX22" fmla="*/ 4191948 w 4673600"/>
              <a:gd name="connsiteY22" fmla="*/ 5083228 h 5611813"/>
              <a:gd name="connsiteX23" fmla="*/ 4191948 w 4673600"/>
              <a:gd name="connsiteY23" fmla="*/ 4961577 h 5611813"/>
              <a:gd name="connsiteX24" fmla="*/ 481651 w 4673600"/>
              <a:gd name="connsiteY24" fmla="*/ 360000 h 5611813"/>
              <a:gd name="connsiteX25" fmla="*/ 481651 w 4673600"/>
              <a:gd name="connsiteY25" fmla="*/ 481651 h 5611813"/>
              <a:gd name="connsiteX26" fmla="*/ 360000 w 4673600"/>
              <a:gd name="connsiteY26" fmla="*/ 481651 h 5611813"/>
              <a:gd name="connsiteX27" fmla="*/ 360000 w 4673600"/>
              <a:gd name="connsiteY27" fmla="*/ 525888 h 5611813"/>
              <a:gd name="connsiteX28" fmla="*/ 481651 w 4673600"/>
              <a:gd name="connsiteY28" fmla="*/ 525888 h 5611813"/>
              <a:gd name="connsiteX29" fmla="*/ 481651 w 4673600"/>
              <a:gd name="connsiteY29" fmla="*/ 647540 h 5611813"/>
              <a:gd name="connsiteX30" fmla="*/ 525888 w 4673600"/>
              <a:gd name="connsiteY30" fmla="*/ 647540 h 5611813"/>
              <a:gd name="connsiteX31" fmla="*/ 525888 w 4673600"/>
              <a:gd name="connsiteY31" fmla="*/ 525888 h 5611813"/>
              <a:gd name="connsiteX32" fmla="*/ 647540 w 4673600"/>
              <a:gd name="connsiteY32" fmla="*/ 525888 h 5611813"/>
              <a:gd name="connsiteX33" fmla="*/ 647540 w 4673600"/>
              <a:gd name="connsiteY33" fmla="*/ 481651 h 5611813"/>
              <a:gd name="connsiteX34" fmla="*/ 525888 w 4673600"/>
              <a:gd name="connsiteY34" fmla="*/ 481651 h 5611813"/>
              <a:gd name="connsiteX35" fmla="*/ 525888 w 4673600"/>
              <a:gd name="connsiteY35" fmla="*/ 360000 h 5611813"/>
              <a:gd name="connsiteX36" fmla="*/ 4147711 w 4673600"/>
              <a:gd name="connsiteY36" fmla="*/ 358231 h 5611813"/>
              <a:gd name="connsiteX37" fmla="*/ 4147711 w 4673600"/>
              <a:gd name="connsiteY37" fmla="*/ 479882 h 5611813"/>
              <a:gd name="connsiteX38" fmla="*/ 4026060 w 4673600"/>
              <a:gd name="connsiteY38" fmla="*/ 479882 h 5611813"/>
              <a:gd name="connsiteX39" fmla="*/ 4026060 w 4673600"/>
              <a:gd name="connsiteY39" fmla="*/ 524119 h 5611813"/>
              <a:gd name="connsiteX40" fmla="*/ 4147711 w 4673600"/>
              <a:gd name="connsiteY40" fmla="*/ 524119 h 5611813"/>
              <a:gd name="connsiteX41" fmla="*/ 4147711 w 4673600"/>
              <a:gd name="connsiteY41" fmla="*/ 645771 h 5611813"/>
              <a:gd name="connsiteX42" fmla="*/ 4191948 w 4673600"/>
              <a:gd name="connsiteY42" fmla="*/ 645771 h 5611813"/>
              <a:gd name="connsiteX43" fmla="*/ 4191948 w 4673600"/>
              <a:gd name="connsiteY43" fmla="*/ 524119 h 5611813"/>
              <a:gd name="connsiteX44" fmla="*/ 4313600 w 4673600"/>
              <a:gd name="connsiteY44" fmla="*/ 524119 h 5611813"/>
              <a:gd name="connsiteX45" fmla="*/ 4313600 w 4673600"/>
              <a:gd name="connsiteY45" fmla="*/ 479882 h 5611813"/>
              <a:gd name="connsiteX46" fmla="*/ 4191948 w 4673600"/>
              <a:gd name="connsiteY46" fmla="*/ 479882 h 5611813"/>
              <a:gd name="connsiteX47" fmla="*/ 4191948 w 4673600"/>
              <a:gd name="connsiteY47" fmla="*/ 358231 h 5611813"/>
              <a:gd name="connsiteX48" fmla="*/ 0 w 4673600"/>
              <a:gd name="connsiteY48" fmla="*/ 0 h 5611813"/>
              <a:gd name="connsiteX49" fmla="*/ 4673600 w 4673600"/>
              <a:gd name="connsiteY49" fmla="*/ 0 h 5611813"/>
              <a:gd name="connsiteX50" fmla="*/ 4673600 w 4673600"/>
              <a:gd name="connsiteY50" fmla="*/ 5611813 h 5611813"/>
              <a:gd name="connsiteX51" fmla="*/ 0 w 4673600"/>
              <a:gd name="connsiteY51" fmla="*/ 5611813 h 5611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4673600" h="5611813">
                <a:moveTo>
                  <a:pt x="481651" y="4963346"/>
                </a:moveTo>
                <a:lnTo>
                  <a:pt x="481651" y="5084997"/>
                </a:lnTo>
                <a:lnTo>
                  <a:pt x="360000" y="5084997"/>
                </a:lnTo>
                <a:lnTo>
                  <a:pt x="360000" y="5129234"/>
                </a:lnTo>
                <a:lnTo>
                  <a:pt x="481651" y="5129234"/>
                </a:lnTo>
                <a:lnTo>
                  <a:pt x="481651" y="5250886"/>
                </a:lnTo>
                <a:lnTo>
                  <a:pt x="525888" y="5250886"/>
                </a:lnTo>
                <a:lnTo>
                  <a:pt x="525888" y="5129234"/>
                </a:lnTo>
                <a:lnTo>
                  <a:pt x="647540" y="5129234"/>
                </a:lnTo>
                <a:lnTo>
                  <a:pt x="647540" y="5084997"/>
                </a:lnTo>
                <a:lnTo>
                  <a:pt x="525888" y="5084997"/>
                </a:lnTo>
                <a:lnTo>
                  <a:pt x="525888" y="4963346"/>
                </a:lnTo>
                <a:close/>
                <a:moveTo>
                  <a:pt x="4147711" y="4961577"/>
                </a:moveTo>
                <a:lnTo>
                  <a:pt x="4147711" y="5083228"/>
                </a:lnTo>
                <a:lnTo>
                  <a:pt x="4026060" y="5083228"/>
                </a:lnTo>
                <a:lnTo>
                  <a:pt x="4026060" y="5127465"/>
                </a:lnTo>
                <a:lnTo>
                  <a:pt x="4147711" y="5127465"/>
                </a:lnTo>
                <a:lnTo>
                  <a:pt x="4147711" y="5249117"/>
                </a:lnTo>
                <a:lnTo>
                  <a:pt x="4191948" y="5249117"/>
                </a:lnTo>
                <a:lnTo>
                  <a:pt x="4191948" y="5127465"/>
                </a:lnTo>
                <a:lnTo>
                  <a:pt x="4313600" y="5127465"/>
                </a:lnTo>
                <a:lnTo>
                  <a:pt x="4313600" y="5083228"/>
                </a:lnTo>
                <a:lnTo>
                  <a:pt x="4191948" y="5083228"/>
                </a:lnTo>
                <a:lnTo>
                  <a:pt x="4191948" y="4961577"/>
                </a:lnTo>
                <a:close/>
                <a:moveTo>
                  <a:pt x="481651" y="360000"/>
                </a:moveTo>
                <a:lnTo>
                  <a:pt x="481651" y="481651"/>
                </a:lnTo>
                <a:lnTo>
                  <a:pt x="360000" y="481651"/>
                </a:lnTo>
                <a:lnTo>
                  <a:pt x="360000" y="525888"/>
                </a:lnTo>
                <a:lnTo>
                  <a:pt x="481651" y="525888"/>
                </a:lnTo>
                <a:lnTo>
                  <a:pt x="481651" y="647540"/>
                </a:lnTo>
                <a:lnTo>
                  <a:pt x="525888" y="647540"/>
                </a:lnTo>
                <a:lnTo>
                  <a:pt x="525888" y="525888"/>
                </a:lnTo>
                <a:lnTo>
                  <a:pt x="647540" y="525888"/>
                </a:lnTo>
                <a:lnTo>
                  <a:pt x="647540" y="481651"/>
                </a:lnTo>
                <a:lnTo>
                  <a:pt x="525888" y="481651"/>
                </a:lnTo>
                <a:lnTo>
                  <a:pt x="525888" y="360000"/>
                </a:lnTo>
                <a:close/>
                <a:moveTo>
                  <a:pt x="4147711" y="358231"/>
                </a:moveTo>
                <a:lnTo>
                  <a:pt x="4147711" y="479882"/>
                </a:lnTo>
                <a:lnTo>
                  <a:pt x="4026060" y="479882"/>
                </a:lnTo>
                <a:lnTo>
                  <a:pt x="4026060" y="524119"/>
                </a:lnTo>
                <a:lnTo>
                  <a:pt x="4147711" y="524119"/>
                </a:lnTo>
                <a:lnTo>
                  <a:pt x="4147711" y="645771"/>
                </a:lnTo>
                <a:lnTo>
                  <a:pt x="4191948" y="645771"/>
                </a:lnTo>
                <a:lnTo>
                  <a:pt x="4191948" y="524119"/>
                </a:lnTo>
                <a:lnTo>
                  <a:pt x="4313600" y="524119"/>
                </a:lnTo>
                <a:lnTo>
                  <a:pt x="4313600" y="479882"/>
                </a:lnTo>
                <a:lnTo>
                  <a:pt x="4191948" y="479882"/>
                </a:lnTo>
                <a:lnTo>
                  <a:pt x="4191948" y="358231"/>
                </a:lnTo>
                <a:close/>
                <a:moveTo>
                  <a:pt x="0" y="0"/>
                </a:moveTo>
                <a:lnTo>
                  <a:pt x="4673600" y="0"/>
                </a:lnTo>
                <a:lnTo>
                  <a:pt x="4673600" y="5611813"/>
                </a:lnTo>
                <a:lnTo>
                  <a:pt x="0" y="5611813"/>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390484078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I. Conten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1FEFCC8B-062A-BD44-A926-C1136469C5B1}"/>
              </a:ext>
            </a:extLst>
          </p:cNvPr>
          <p:cNvSpPr/>
          <p:nvPr userDrawn="1"/>
        </p:nvSpPr>
        <p:spPr>
          <a:xfrm>
            <a:off x="8356921" y="659757"/>
            <a:ext cx="3379807" cy="512085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57188" y="1608138"/>
            <a:ext cx="3706812"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5" name="Content Placeholder 4">
            <a:extLst>
              <a:ext uri="{FF2B5EF4-FFF2-40B4-BE49-F238E27FC236}">
                <a16:creationId xmlns:a16="http://schemas.microsoft.com/office/drawing/2014/main" id="{CC440183-24ED-4F18-90EF-5383913F10F6}"/>
              </a:ext>
            </a:extLst>
          </p:cNvPr>
          <p:cNvSpPr>
            <a:spLocks noGrp="1"/>
          </p:cNvSpPr>
          <p:nvPr>
            <p:ph sz="quarter" idx="20" hasCustomPrompt="1"/>
          </p:nvPr>
        </p:nvSpPr>
        <p:spPr>
          <a:xfrm>
            <a:off x="4243387" y="1608138"/>
            <a:ext cx="3703637" cy="4364037"/>
          </a:xfrm>
        </p:spPr>
        <p:txBody>
          <a:bodyPr/>
          <a:lstStyle>
            <a:lvl1pPr>
              <a:buSzPct val="100000"/>
              <a:defRPr>
                <a:solidFill>
                  <a:schemeClr val="tx1"/>
                </a:solidFill>
              </a:defRPr>
            </a:lvl1pPr>
            <a:lvl2pPr>
              <a:buSzPct val="80000"/>
              <a:defRPr>
                <a:solidFill>
                  <a:schemeClr val="tx1"/>
                </a:solidFill>
              </a:defRPr>
            </a:lvl2pPr>
            <a:lvl3pPr marL="810000" indent="-270000">
              <a:buSzPct val="80000"/>
              <a:buFont typeface="Arial" panose="020B0604020202020204" pitchFamily="34" charset="0"/>
              <a:buChar char="•"/>
              <a:defRPr>
                <a:solidFill>
                  <a:schemeClr val="tx1"/>
                </a:solidFill>
              </a:defRPr>
            </a:lvl3pPr>
            <a:lvl4pPr>
              <a:defRPr>
                <a:solidFill>
                  <a:schemeClr val="tx1"/>
                </a:solidFill>
              </a:defRPr>
            </a:lvl4pPr>
            <a:lvl5pPr>
              <a:defRPr>
                <a:solidFill>
                  <a:schemeClr val="tx1"/>
                </a:solidFill>
              </a:defRPr>
            </a:lvl5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9" name="Text Placeholder 13">
            <a:extLst>
              <a:ext uri="{FF2B5EF4-FFF2-40B4-BE49-F238E27FC236}">
                <a16:creationId xmlns:a16="http://schemas.microsoft.com/office/drawing/2014/main" id="{AE4E27D9-34F4-43D7-A5BA-464FB8E1D4BB}"/>
              </a:ext>
            </a:extLst>
          </p:cNvPr>
          <p:cNvSpPr>
            <a:spLocks noGrp="1"/>
          </p:cNvSpPr>
          <p:nvPr>
            <p:ph type="body" sz="quarter" idx="19"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8" name="Date Placeholder 7">
            <a:extLst>
              <a:ext uri="{FF2B5EF4-FFF2-40B4-BE49-F238E27FC236}">
                <a16:creationId xmlns:a16="http://schemas.microsoft.com/office/drawing/2014/main" id="{A4AA9ADB-E912-4A2F-8F3E-3E369EA8267D}"/>
              </a:ext>
            </a:extLst>
          </p:cNvPr>
          <p:cNvSpPr>
            <a:spLocks noGrp="1"/>
          </p:cNvSpPr>
          <p:nvPr>
            <p:ph type="dt" sz="half" idx="15"/>
          </p:nvPr>
        </p:nvSpPr>
        <p:spPr/>
        <p:txBody>
          <a:bodyPr/>
          <a:lstStyle>
            <a:lvl1pPr algn="r">
              <a:defRPr>
                <a:solidFill>
                  <a:schemeClr val="tx1"/>
                </a:solidFill>
              </a:defRPr>
            </a:lvl1pPr>
          </a:lstStyle>
          <a:p>
            <a:fld id="{731ED8FA-6833-4B9B-BC29-AB9F487B0404}" type="datetime1">
              <a:rPr lang="en-US" smtClean="0"/>
              <a:pPr/>
              <a:t>8/11/2022</a:t>
            </a:fld>
            <a:endParaRPr lang="en-US" dirty="0"/>
          </a:p>
        </p:txBody>
      </p:sp>
      <p:sp>
        <p:nvSpPr>
          <p:cNvPr id="9" name="Footer Placeholder 8">
            <a:extLst>
              <a:ext uri="{FF2B5EF4-FFF2-40B4-BE49-F238E27FC236}">
                <a16:creationId xmlns:a16="http://schemas.microsoft.com/office/drawing/2014/main" id="{5F74BBD8-400D-45C2-8BF8-E083C79CE5A3}"/>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1460F1C-BCDE-4726-8747-D406189B2857}"/>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6" name="Picture Placeholder 25">
            <a:extLst>
              <a:ext uri="{FF2B5EF4-FFF2-40B4-BE49-F238E27FC236}">
                <a16:creationId xmlns:a16="http://schemas.microsoft.com/office/drawing/2014/main" id="{C2D6955C-B7F8-4DE2-A88A-4C0BE8637E72}"/>
              </a:ext>
            </a:extLst>
          </p:cNvPr>
          <p:cNvSpPr>
            <a:spLocks noGrp="1"/>
          </p:cNvSpPr>
          <p:nvPr>
            <p:ph type="pic" sz="quarter" idx="22"/>
          </p:nvPr>
        </p:nvSpPr>
        <p:spPr>
          <a:xfrm>
            <a:off x="8128000" y="358775"/>
            <a:ext cx="3703637" cy="5613400"/>
          </a:xfrm>
          <a:custGeom>
            <a:avLst/>
            <a:gdLst>
              <a:gd name="connsiteX0" fmla="*/ 3171440 w 3703637"/>
              <a:gd name="connsiteY0" fmla="*/ 4965635 h 5613400"/>
              <a:gd name="connsiteX1" fmla="*/ 3171440 w 3703637"/>
              <a:gd name="connsiteY1" fmla="*/ 5087286 h 5613400"/>
              <a:gd name="connsiteX2" fmla="*/ 3049789 w 3703637"/>
              <a:gd name="connsiteY2" fmla="*/ 5087286 h 5613400"/>
              <a:gd name="connsiteX3" fmla="*/ 3049789 w 3703637"/>
              <a:gd name="connsiteY3" fmla="*/ 5131523 h 5613400"/>
              <a:gd name="connsiteX4" fmla="*/ 3171440 w 3703637"/>
              <a:gd name="connsiteY4" fmla="*/ 5131523 h 5613400"/>
              <a:gd name="connsiteX5" fmla="*/ 3171440 w 3703637"/>
              <a:gd name="connsiteY5" fmla="*/ 5253175 h 5613400"/>
              <a:gd name="connsiteX6" fmla="*/ 3215677 w 3703637"/>
              <a:gd name="connsiteY6" fmla="*/ 5253175 h 5613400"/>
              <a:gd name="connsiteX7" fmla="*/ 3215677 w 3703637"/>
              <a:gd name="connsiteY7" fmla="*/ 5131523 h 5613400"/>
              <a:gd name="connsiteX8" fmla="*/ 3337329 w 3703637"/>
              <a:gd name="connsiteY8" fmla="*/ 5131523 h 5613400"/>
              <a:gd name="connsiteX9" fmla="*/ 3337329 w 3703637"/>
              <a:gd name="connsiteY9" fmla="*/ 5087286 h 5613400"/>
              <a:gd name="connsiteX10" fmla="*/ 3215677 w 3703637"/>
              <a:gd name="connsiteY10" fmla="*/ 5087286 h 5613400"/>
              <a:gd name="connsiteX11" fmla="*/ 3215677 w 3703637"/>
              <a:gd name="connsiteY11" fmla="*/ 4965635 h 5613400"/>
              <a:gd name="connsiteX12" fmla="*/ 480088 w 3703637"/>
              <a:gd name="connsiteY12" fmla="*/ 4965635 h 5613400"/>
              <a:gd name="connsiteX13" fmla="*/ 480088 w 3703637"/>
              <a:gd name="connsiteY13" fmla="*/ 5087286 h 5613400"/>
              <a:gd name="connsiteX14" fmla="*/ 358437 w 3703637"/>
              <a:gd name="connsiteY14" fmla="*/ 5087286 h 5613400"/>
              <a:gd name="connsiteX15" fmla="*/ 358437 w 3703637"/>
              <a:gd name="connsiteY15" fmla="*/ 5131523 h 5613400"/>
              <a:gd name="connsiteX16" fmla="*/ 480088 w 3703637"/>
              <a:gd name="connsiteY16" fmla="*/ 5131523 h 5613400"/>
              <a:gd name="connsiteX17" fmla="*/ 480088 w 3703637"/>
              <a:gd name="connsiteY17" fmla="*/ 5253175 h 5613400"/>
              <a:gd name="connsiteX18" fmla="*/ 524325 w 3703637"/>
              <a:gd name="connsiteY18" fmla="*/ 5253175 h 5613400"/>
              <a:gd name="connsiteX19" fmla="*/ 524325 w 3703637"/>
              <a:gd name="connsiteY19" fmla="*/ 5131523 h 5613400"/>
              <a:gd name="connsiteX20" fmla="*/ 645977 w 3703637"/>
              <a:gd name="connsiteY20" fmla="*/ 5131523 h 5613400"/>
              <a:gd name="connsiteX21" fmla="*/ 645977 w 3703637"/>
              <a:gd name="connsiteY21" fmla="*/ 5087286 h 5613400"/>
              <a:gd name="connsiteX22" fmla="*/ 524325 w 3703637"/>
              <a:gd name="connsiteY22" fmla="*/ 5087286 h 5613400"/>
              <a:gd name="connsiteX23" fmla="*/ 524325 w 3703637"/>
              <a:gd name="connsiteY23" fmla="*/ 4965635 h 5613400"/>
              <a:gd name="connsiteX24" fmla="*/ 3171440 w 3703637"/>
              <a:gd name="connsiteY24" fmla="*/ 354399 h 5613400"/>
              <a:gd name="connsiteX25" fmla="*/ 3171440 w 3703637"/>
              <a:gd name="connsiteY25" fmla="*/ 476050 h 5613400"/>
              <a:gd name="connsiteX26" fmla="*/ 3049789 w 3703637"/>
              <a:gd name="connsiteY26" fmla="*/ 476050 h 5613400"/>
              <a:gd name="connsiteX27" fmla="*/ 3049789 w 3703637"/>
              <a:gd name="connsiteY27" fmla="*/ 520287 h 5613400"/>
              <a:gd name="connsiteX28" fmla="*/ 3171440 w 3703637"/>
              <a:gd name="connsiteY28" fmla="*/ 520287 h 5613400"/>
              <a:gd name="connsiteX29" fmla="*/ 3171440 w 3703637"/>
              <a:gd name="connsiteY29" fmla="*/ 641939 h 5613400"/>
              <a:gd name="connsiteX30" fmla="*/ 3215677 w 3703637"/>
              <a:gd name="connsiteY30" fmla="*/ 641939 h 5613400"/>
              <a:gd name="connsiteX31" fmla="*/ 3215677 w 3703637"/>
              <a:gd name="connsiteY31" fmla="*/ 520287 h 5613400"/>
              <a:gd name="connsiteX32" fmla="*/ 3337329 w 3703637"/>
              <a:gd name="connsiteY32" fmla="*/ 520287 h 5613400"/>
              <a:gd name="connsiteX33" fmla="*/ 3337329 w 3703637"/>
              <a:gd name="connsiteY33" fmla="*/ 476050 h 5613400"/>
              <a:gd name="connsiteX34" fmla="*/ 3215677 w 3703637"/>
              <a:gd name="connsiteY34" fmla="*/ 476050 h 5613400"/>
              <a:gd name="connsiteX35" fmla="*/ 3215677 w 3703637"/>
              <a:gd name="connsiteY35" fmla="*/ 354399 h 5613400"/>
              <a:gd name="connsiteX36" fmla="*/ 480088 w 3703637"/>
              <a:gd name="connsiteY36" fmla="*/ 354399 h 5613400"/>
              <a:gd name="connsiteX37" fmla="*/ 480088 w 3703637"/>
              <a:gd name="connsiteY37" fmla="*/ 476050 h 5613400"/>
              <a:gd name="connsiteX38" fmla="*/ 358437 w 3703637"/>
              <a:gd name="connsiteY38" fmla="*/ 476050 h 5613400"/>
              <a:gd name="connsiteX39" fmla="*/ 358437 w 3703637"/>
              <a:gd name="connsiteY39" fmla="*/ 520287 h 5613400"/>
              <a:gd name="connsiteX40" fmla="*/ 480088 w 3703637"/>
              <a:gd name="connsiteY40" fmla="*/ 520287 h 5613400"/>
              <a:gd name="connsiteX41" fmla="*/ 480088 w 3703637"/>
              <a:gd name="connsiteY41" fmla="*/ 641939 h 5613400"/>
              <a:gd name="connsiteX42" fmla="*/ 524325 w 3703637"/>
              <a:gd name="connsiteY42" fmla="*/ 641939 h 5613400"/>
              <a:gd name="connsiteX43" fmla="*/ 524325 w 3703637"/>
              <a:gd name="connsiteY43" fmla="*/ 520287 h 5613400"/>
              <a:gd name="connsiteX44" fmla="*/ 645977 w 3703637"/>
              <a:gd name="connsiteY44" fmla="*/ 520287 h 5613400"/>
              <a:gd name="connsiteX45" fmla="*/ 645977 w 3703637"/>
              <a:gd name="connsiteY45" fmla="*/ 476050 h 5613400"/>
              <a:gd name="connsiteX46" fmla="*/ 524325 w 3703637"/>
              <a:gd name="connsiteY46" fmla="*/ 476050 h 5613400"/>
              <a:gd name="connsiteX47" fmla="*/ 524325 w 3703637"/>
              <a:gd name="connsiteY47" fmla="*/ 354399 h 5613400"/>
              <a:gd name="connsiteX48" fmla="*/ 0 w 3703637"/>
              <a:gd name="connsiteY48" fmla="*/ 0 h 5613400"/>
              <a:gd name="connsiteX49" fmla="*/ 3703637 w 3703637"/>
              <a:gd name="connsiteY49" fmla="*/ 0 h 5613400"/>
              <a:gd name="connsiteX50" fmla="*/ 3703637 w 3703637"/>
              <a:gd name="connsiteY50" fmla="*/ 5613400 h 5613400"/>
              <a:gd name="connsiteX51" fmla="*/ 0 w 3703637"/>
              <a:gd name="connsiteY51" fmla="*/ 5613400 h 5613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703637" h="5613400">
                <a:moveTo>
                  <a:pt x="3171440" y="4965635"/>
                </a:moveTo>
                <a:lnTo>
                  <a:pt x="3171440" y="5087286"/>
                </a:lnTo>
                <a:lnTo>
                  <a:pt x="3049789" y="5087286"/>
                </a:lnTo>
                <a:lnTo>
                  <a:pt x="3049789" y="5131523"/>
                </a:lnTo>
                <a:lnTo>
                  <a:pt x="3171440" y="5131523"/>
                </a:lnTo>
                <a:lnTo>
                  <a:pt x="3171440" y="5253175"/>
                </a:lnTo>
                <a:lnTo>
                  <a:pt x="3215677" y="5253175"/>
                </a:lnTo>
                <a:lnTo>
                  <a:pt x="3215677" y="5131523"/>
                </a:lnTo>
                <a:lnTo>
                  <a:pt x="3337329" y="5131523"/>
                </a:lnTo>
                <a:lnTo>
                  <a:pt x="3337329" y="5087286"/>
                </a:lnTo>
                <a:lnTo>
                  <a:pt x="3215677" y="5087286"/>
                </a:lnTo>
                <a:lnTo>
                  <a:pt x="3215677" y="4965635"/>
                </a:lnTo>
                <a:close/>
                <a:moveTo>
                  <a:pt x="480088" y="4965635"/>
                </a:moveTo>
                <a:lnTo>
                  <a:pt x="480088" y="5087286"/>
                </a:lnTo>
                <a:lnTo>
                  <a:pt x="358437" y="5087286"/>
                </a:lnTo>
                <a:lnTo>
                  <a:pt x="358437" y="5131523"/>
                </a:lnTo>
                <a:lnTo>
                  <a:pt x="480088" y="5131523"/>
                </a:lnTo>
                <a:lnTo>
                  <a:pt x="480088" y="5253175"/>
                </a:lnTo>
                <a:lnTo>
                  <a:pt x="524325" y="5253175"/>
                </a:lnTo>
                <a:lnTo>
                  <a:pt x="524325" y="5131523"/>
                </a:lnTo>
                <a:lnTo>
                  <a:pt x="645977" y="5131523"/>
                </a:lnTo>
                <a:lnTo>
                  <a:pt x="645977" y="5087286"/>
                </a:lnTo>
                <a:lnTo>
                  <a:pt x="524325" y="5087286"/>
                </a:lnTo>
                <a:lnTo>
                  <a:pt x="524325" y="4965635"/>
                </a:lnTo>
                <a:close/>
                <a:moveTo>
                  <a:pt x="3171440" y="354399"/>
                </a:moveTo>
                <a:lnTo>
                  <a:pt x="3171440" y="476050"/>
                </a:lnTo>
                <a:lnTo>
                  <a:pt x="3049789" y="476050"/>
                </a:lnTo>
                <a:lnTo>
                  <a:pt x="3049789" y="520287"/>
                </a:lnTo>
                <a:lnTo>
                  <a:pt x="3171440" y="520287"/>
                </a:lnTo>
                <a:lnTo>
                  <a:pt x="3171440" y="641939"/>
                </a:lnTo>
                <a:lnTo>
                  <a:pt x="3215677" y="641939"/>
                </a:lnTo>
                <a:lnTo>
                  <a:pt x="3215677" y="520287"/>
                </a:lnTo>
                <a:lnTo>
                  <a:pt x="3337329" y="520287"/>
                </a:lnTo>
                <a:lnTo>
                  <a:pt x="3337329" y="476050"/>
                </a:lnTo>
                <a:lnTo>
                  <a:pt x="3215677" y="476050"/>
                </a:lnTo>
                <a:lnTo>
                  <a:pt x="3215677" y="354399"/>
                </a:lnTo>
                <a:close/>
                <a:moveTo>
                  <a:pt x="480088" y="354399"/>
                </a:moveTo>
                <a:lnTo>
                  <a:pt x="480088" y="476050"/>
                </a:lnTo>
                <a:lnTo>
                  <a:pt x="358437" y="476050"/>
                </a:lnTo>
                <a:lnTo>
                  <a:pt x="358437" y="520287"/>
                </a:lnTo>
                <a:lnTo>
                  <a:pt x="480088" y="520287"/>
                </a:lnTo>
                <a:lnTo>
                  <a:pt x="480088" y="641939"/>
                </a:lnTo>
                <a:lnTo>
                  <a:pt x="524325" y="641939"/>
                </a:lnTo>
                <a:lnTo>
                  <a:pt x="524325" y="520287"/>
                </a:lnTo>
                <a:lnTo>
                  <a:pt x="645977" y="520287"/>
                </a:lnTo>
                <a:lnTo>
                  <a:pt x="645977" y="476050"/>
                </a:lnTo>
                <a:lnTo>
                  <a:pt x="524325" y="476050"/>
                </a:lnTo>
                <a:lnTo>
                  <a:pt x="524325" y="354399"/>
                </a:lnTo>
                <a:close/>
                <a:moveTo>
                  <a:pt x="0" y="0"/>
                </a:moveTo>
                <a:lnTo>
                  <a:pt x="3703637" y="0"/>
                </a:lnTo>
                <a:lnTo>
                  <a:pt x="3703637" y="5613400"/>
                </a:lnTo>
                <a:lnTo>
                  <a:pt x="0" y="5613400"/>
                </a:lnTo>
                <a:close/>
              </a:path>
            </a:pathLst>
          </a:custGeom>
          <a:solidFill>
            <a:srgbClr val="D5D5D5"/>
          </a:solidFill>
        </p:spPr>
        <p:txBody>
          <a:bodyPr wrap="square" tIns="72000">
            <a:noAutofit/>
          </a:bodyPr>
          <a:lstStyle>
            <a:lvl1pPr algn="ctr">
              <a:buNone/>
              <a:defRPr sz="1600"/>
            </a:lvl1pPr>
          </a:lstStyle>
          <a:p>
            <a:endParaRPr lang="en-US" dirty="0"/>
          </a:p>
        </p:txBody>
      </p:sp>
    </p:spTree>
    <p:extLst>
      <p:ext uri="{BB962C8B-B14F-4D97-AF65-F5344CB8AC3E}">
        <p14:creationId xmlns:p14="http://schemas.microsoft.com/office/powerpoint/2010/main" val="292196792"/>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Text Placeholder 2"/>
          <p:cNvSpPr>
            <a:spLocks noGrp="1"/>
          </p:cNvSpPr>
          <p:nvPr>
            <p:ph type="body" sz="quarter" idx="13" hasCustomPrompt="1"/>
          </p:nvPr>
        </p:nvSpPr>
        <p:spPr>
          <a:xfrm>
            <a:off x="357188" y="360000"/>
            <a:ext cx="11472412" cy="6138000"/>
          </a:xfrm>
        </p:spPr>
        <p:txBody>
          <a:bodyPr tIns="288000" anchor="ctr" anchorCtr="0"/>
          <a:lstStyle>
            <a:lvl1pPr marL="0" indent="0">
              <a:lnSpc>
                <a:spcPct val="95000"/>
              </a:lnSpc>
              <a:spcAft>
                <a:spcPts val="600"/>
              </a:spcAft>
              <a:buFont typeface="Arial" panose="020B0604020202020204" pitchFamily="34" charset="0"/>
              <a:buChar char="​"/>
              <a:defRPr sz="6000" i="0">
                <a:solidFill>
                  <a:schemeClr val="tx1"/>
                </a:solidFill>
              </a:defRPr>
            </a:lvl1pPr>
            <a:lvl2pPr marL="0" indent="0">
              <a:lnSpc>
                <a:spcPct val="100000"/>
              </a:lnSpc>
              <a:spcBef>
                <a:spcPts val="0"/>
              </a:spcBef>
              <a:spcAft>
                <a:spcPts val="600"/>
              </a:spcAft>
              <a:buFont typeface="Arial" panose="020B0604020202020204" pitchFamily="34" charset="0"/>
              <a:buChar char="​"/>
              <a:defRPr sz="2800" b="1">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Char char="​"/>
              <a:defRPr sz="2800"/>
            </a:lvl3pPr>
            <a:lvl4pPr marL="0" indent="0">
              <a:lnSpc>
                <a:spcPct val="100000"/>
              </a:lnSpc>
              <a:spcBef>
                <a:spcPts val="0"/>
              </a:spcBef>
              <a:spcAft>
                <a:spcPts val="600"/>
              </a:spcAft>
              <a:buFont typeface="Arial" panose="020B0604020202020204" pitchFamily="34" charset="0"/>
              <a:buChar char="​"/>
              <a:defRPr sz="2800"/>
            </a:lvl4pPr>
            <a:lvl5pPr marL="0" indent="0">
              <a:lnSpc>
                <a:spcPct val="100000"/>
              </a:lnSpc>
              <a:spcBef>
                <a:spcPts val="0"/>
              </a:spcBef>
              <a:spcAft>
                <a:spcPts val="600"/>
              </a:spcAft>
              <a:buFont typeface="Arial" panose="020B0604020202020204" pitchFamily="34" charset="0"/>
              <a:buChar char="​"/>
              <a:defRPr sz="2800"/>
            </a:lvl5pPr>
            <a:lvl6pPr marL="0" indent="0">
              <a:lnSpc>
                <a:spcPct val="100000"/>
              </a:lnSpc>
              <a:spcBef>
                <a:spcPts val="0"/>
              </a:spcBef>
              <a:spcAft>
                <a:spcPts val="600"/>
              </a:spcAft>
              <a:buFont typeface="Arial" panose="020B0604020202020204" pitchFamily="34" charset="0"/>
              <a:buChar char="​"/>
              <a:defRPr sz="2800"/>
            </a:lvl6pPr>
            <a:lvl7pPr marL="0" indent="0">
              <a:lnSpc>
                <a:spcPct val="100000"/>
              </a:lnSpc>
              <a:spcBef>
                <a:spcPts val="0"/>
              </a:spcBef>
              <a:spcAft>
                <a:spcPts val="600"/>
              </a:spcAft>
              <a:buFont typeface="Arial" panose="020B0604020202020204" pitchFamily="34" charset="0"/>
              <a:buChar char="​"/>
              <a:defRPr sz="2800"/>
            </a:lvl7pPr>
            <a:lvl8pPr marL="0" indent="0">
              <a:lnSpc>
                <a:spcPct val="100000"/>
              </a:lnSpc>
              <a:spcBef>
                <a:spcPts val="0"/>
              </a:spcBef>
              <a:spcAft>
                <a:spcPts val="600"/>
              </a:spcAft>
              <a:buFont typeface="Arial" panose="020B0604020202020204" pitchFamily="34" charset="0"/>
              <a:buChar char="​"/>
              <a:defRPr sz="2800"/>
            </a:lvl8pPr>
            <a:lvl9pPr marL="0" indent="0">
              <a:lnSpc>
                <a:spcPct val="100000"/>
              </a:lnSpc>
              <a:spcBef>
                <a:spcPts val="0"/>
              </a:spcBef>
              <a:spcAft>
                <a:spcPts val="600"/>
              </a:spcAft>
              <a:buFont typeface="Arial" panose="020B0604020202020204" pitchFamily="34" charset="0"/>
              <a:buChar char="​"/>
              <a:defRPr sz="2800"/>
            </a:lvl9pPr>
          </a:lstStyle>
          <a:p>
            <a:pPr lvl="0"/>
            <a:r>
              <a:rPr lang="en-US" noProof="0" dirty="0"/>
              <a:t>Click to add text</a:t>
            </a:r>
            <a:endParaRPr lang="en-US" dirty="0"/>
          </a:p>
          <a:p>
            <a:pPr lvl="1"/>
            <a:r>
              <a:rPr lang="en-US" noProof="0" dirty="0"/>
              <a:t>Add name here</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20A6DD46-B671-41B0-AFF3-D58E06547350}" type="datetime1">
              <a:rPr lang="en-US" smtClean="0"/>
              <a:pPr/>
              <a:t>8/11/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FBE96656-FB30-4DC0-B294-A53D43CC5BD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2" name="text" descr="{&quot;templafy&quot;:{&quot;id&quot;:&quot;2dee36b9-9751-4ded-a149-85d8757825e3&quot;}}" title="Form.Cigna_Confidentiality.EvernorthConfidentiality">
            <a:extLst>
              <a:ext uri="{FF2B5EF4-FFF2-40B4-BE49-F238E27FC236}">
                <a16:creationId xmlns:a16="http://schemas.microsoft.com/office/drawing/2014/main" id="{179FA152-A235-4745-BF20-BDFAEAF315FA}"/>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3" name="text" descr="{&quot;templafy&quot;:{&quot;id&quot;:&quot;19aff1d1-d366-41dd-95a5-9798f8e71004&quot;}}" title="Form.Cigna_Confidentiality.Cigna_confidentiality">
            <a:extLst>
              <a:ext uri="{FF2B5EF4-FFF2-40B4-BE49-F238E27FC236}">
                <a16:creationId xmlns:a16="http://schemas.microsoft.com/office/drawing/2014/main" id="{9E82B773-27FC-4A37-860F-91489E0132F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85735220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 Quote">
    <p:bg>
      <p:bgPr>
        <a:solidFill>
          <a:schemeClr val="bg1"/>
        </a:solidFill>
        <a:effectLst/>
      </p:bgPr>
    </p:bg>
    <p:spTree>
      <p:nvGrpSpPr>
        <p:cNvPr id="1" name=""/>
        <p:cNvGrpSpPr/>
        <p:nvPr/>
      </p:nvGrpSpPr>
      <p:grpSpPr>
        <a:xfrm>
          <a:off x="0" y="0"/>
          <a:ext cx="0" cy="0"/>
          <a:chOff x="0" y="0"/>
          <a:chExt cx="0" cy="0"/>
        </a:xfrm>
      </p:grpSpPr>
      <p:sp>
        <p:nvSpPr>
          <p:cNvPr id="7" name="Text Placeholder 2"/>
          <p:cNvSpPr>
            <a:spLocks noGrp="1"/>
          </p:cNvSpPr>
          <p:nvPr>
            <p:ph type="body" sz="quarter" idx="13" hasCustomPrompt="1"/>
          </p:nvPr>
        </p:nvSpPr>
        <p:spPr>
          <a:xfrm>
            <a:off x="357188" y="360000"/>
            <a:ext cx="11472412" cy="6138000"/>
          </a:xfrm>
        </p:spPr>
        <p:txBody>
          <a:bodyPr tIns="288000" anchor="ctr" anchorCtr="0"/>
          <a:lstStyle>
            <a:lvl1pPr marL="0" indent="0">
              <a:lnSpc>
                <a:spcPct val="95000"/>
              </a:lnSpc>
              <a:spcAft>
                <a:spcPts val="600"/>
              </a:spcAft>
              <a:buFont typeface="Arial" panose="020B0604020202020204" pitchFamily="34" charset="0"/>
              <a:buChar char="​"/>
              <a:defRPr sz="6000" i="0">
                <a:solidFill>
                  <a:schemeClr val="tx1"/>
                </a:solidFill>
              </a:defRPr>
            </a:lvl1pPr>
            <a:lvl2pPr marL="0" indent="0">
              <a:lnSpc>
                <a:spcPct val="100000"/>
              </a:lnSpc>
              <a:spcBef>
                <a:spcPts val="0"/>
              </a:spcBef>
              <a:spcAft>
                <a:spcPts val="600"/>
              </a:spcAft>
              <a:buFont typeface="Arial" panose="020B0604020202020204" pitchFamily="34" charset="0"/>
              <a:buChar char="​"/>
              <a:defRPr sz="2800" b="1">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Char char="​"/>
              <a:defRPr sz="2800"/>
            </a:lvl3pPr>
            <a:lvl4pPr marL="0" indent="0">
              <a:lnSpc>
                <a:spcPct val="100000"/>
              </a:lnSpc>
              <a:spcBef>
                <a:spcPts val="0"/>
              </a:spcBef>
              <a:spcAft>
                <a:spcPts val="600"/>
              </a:spcAft>
              <a:buFont typeface="Arial" panose="020B0604020202020204" pitchFamily="34" charset="0"/>
              <a:buChar char="​"/>
              <a:defRPr sz="2800"/>
            </a:lvl4pPr>
            <a:lvl5pPr marL="0" indent="0">
              <a:lnSpc>
                <a:spcPct val="100000"/>
              </a:lnSpc>
              <a:spcBef>
                <a:spcPts val="0"/>
              </a:spcBef>
              <a:spcAft>
                <a:spcPts val="600"/>
              </a:spcAft>
              <a:buFont typeface="Arial" panose="020B0604020202020204" pitchFamily="34" charset="0"/>
              <a:buChar char="​"/>
              <a:defRPr sz="2800"/>
            </a:lvl5pPr>
            <a:lvl6pPr marL="0" indent="0">
              <a:lnSpc>
                <a:spcPct val="100000"/>
              </a:lnSpc>
              <a:spcBef>
                <a:spcPts val="0"/>
              </a:spcBef>
              <a:spcAft>
                <a:spcPts val="600"/>
              </a:spcAft>
              <a:buFont typeface="Arial" panose="020B0604020202020204" pitchFamily="34" charset="0"/>
              <a:buChar char="​"/>
              <a:defRPr sz="2800"/>
            </a:lvl6pPr>
            <a:lvl7pPr marL="0" indent="0">
              <a:lnSpc>
                <a:spcPct val="100000"/>
              </a:lnSpc>
              <a:spcBef>
                <a:spcPts val="0"/>
              </a:spcBef>
              <a:spcAft>
                <a:spcPts val="600"/>
              </a:spcAft>
              <a:buFont typeface="Arial" panose="020B0604020202020204" pitchFamily="34" charset="0"/>
              <a:buChar char="​"/>
              <a:defRPr sz="2800"/>
            </a:lvl7pPr>
            <a:lvl8pPr marL="0" indent="0">
              <a:lnSpc>
                <a:spcPct val="100000"/>
              </a:lnSpc>
              <a:spcBef>
                <a:spcPts val="0"/>
              </a:spcBef>
              <a:spcAft>
                <a:spcPts val="600"/>
              </a:spcAft>
              <a:buFont typeface="Arial" panose="020B0604020202020204" pitchFamily="34" charset="0"/>
              <a:buChar char="​"/>
              <a:defRPr sz="2800"/>
            </a:lvl8pPr>
            <a:lvl9pPr marL="0" indent="0">
              <a:lnSpc>
                <a:spcPct val="100000"/>
              </a:lnSpc>
              <a:spcBef>
                <a:spcPts val="0"/>
              </a:spcBef>
              <a:spcAft>
                <a:spcPts val="600"/>
              </a:spcAft>
              <a:buFont typeface="Arial" panose="020B0604020202020204" pitchFamily="34" charset="0"/>
              <a:buChar char="​"/>
              <a:defRPr sz="2800"/>
            </a:lvl9pPr>
          </a:lstStyle>
          <a:p>
            <a:pPr lvl="0"/>
            <a:r>
              <a:rPr lang="en-US" noProof="0" dirty="0"/>
              <a:t>Click to add text</a:t>
            </a:r>
            <a:endParaRPr lang="en-US" dirty="0"/>
          </a:p>
          <a:p>
            <a:pPr lvl="1"/>
            <a:r>
              <a:rPr lang="en-US" noProof="0" dirty="0"/>
              <a:t>Add name here</a:t>
            </a:r>
            <a:endParaRPr lang="en-US" dirty="0"/>
          </a:p>
        </p:txBody>
      </p:sp>
      <p:sp>
        <p:nvSpPr>
          <p:cNvPr id="6" name="Date Placeholder 5">
            <a:extLst>
              <a:ext uri="{FF2B5EF4-FFF2-40B4-BE49-F238E27FC236}">
                <a16:creationId xmlns:a16="http://schemas.microsoft.com/office/drawing/2014/main" id="{7D9C29ED-948B-4EC0-92E7-AB6CC89EC263}"/>
              </a:ext>
            </a:extLst>
          </p:cNvPr>
          <p:cNvSpPr>
            <a:spLocks noGrp="1"/>
          </p:cNvSpPr>
          <p:nvPr>
            <p:ph type="dt" sz="half" idx="14"/>
          </p:nvPr>
        </p:nvSpPr>
        <p:spPr/>
        <p:txBody>
          <a:bodyPr/>
          <a:lstStyle>
            <a:lvl1pPr algn="r">
              <a:defRPr>
                <a:solidFill>
                  <a:schemeClr val="tx1"/>
                </a:solidFill>
              </a:defRPr>
            </a:lvl1pPr>
          </a:lstStyle>
          <a:p>
            <a:fld id="{297AA79E-46A4-4FC7-8E3B-DE0BA004FD7B}" type="datetime1">
              <a:rPr lang="en-US" smtClean="0"/>
              <a:pPr/>
              <a:t>8/11/2022</a:t>
            </a:fld>
            <a:endParaRPr lang="en-US" dirty="0"/>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2" name="Graphic 1">
            <a:extLst>
              <a:ext uri="{FF2B5EF4-FFF2-40B4-BE49-F238E27FC236}">
                <a16:creationId xmlns:a16="http://schemas.microsoft.com/office/drawing/2014/main" id="{D673EC67-C24F-417A-8AFF-8C5956CA5BE7}"/>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Tree>
    <p:extLst>
      <p:ext uri="{BB962C8B-B14F-4D97-AF65-F5344CB8AC3E}">
        <p14:creationId xmlns:p14="http://schemas.microsoft.com/office/powerpoint/2010/main" val="138826089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sz="2800">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buNone/>
              <a:defRPr sz="4800">
                <a:solidFill>
                  <a:schemeClr val="tx1"/>
                </a:solidFill>
              </a:defRPr>
            </a:lvl9pPr>
          </a:lstStyle>
          <a:p>
            <a:pPr lvl="0"/>
            <a:r>
              <a:rPr lang="en-US" noProof="0" dirty="0"/>
              <a:t>Click to add tex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8"/>
            <a:endParaRPr lang="en-US" noProof="0" dirty="0"/>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tx1"/>
                </a:solidFill>
              </a:defRPr>
            </a:lvl1pPr>
          </a:lstStyle>
          <a:p>
            <a:pPr lvl="0"/>
            <a:r>
              <a:rPr lang="en-US" dirty="0"/>
              <a:t>Insert notes</a:t>
            </a:r>
            <a:endParaRPr lang="en-US"/>
          </a:p>
        </p:txBody>
      </p:sp>
      <p:sp>
        <p:nvSpPr>
          <p:cNvPr id="7" name="Date Placeholder 6">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lvl1pPr algn="r">
              <a:defRPr>
                <a:solidFill>
                  <a:schemeClr val="tx1"/>
                </a:solidFill>
              </a:defRPr>
            </a:lvl1pPr>
          </a:lstStyle>
          <a:p>
            <a:fld id="{DD0B2BF0-6EC9-40DF-9CB4-4138D91B7E34}" type="datetime1">
              <a:rPr lang="en-US" smtClean="0"/>
              <a:pPr/>
              <a:t>8/11/2022</a:t>
            </a:fld>
            <a:endParaRPr lang="en-US" dirty="0"/>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0944909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8" y="360362"/>
            <a:ext cx="3706812" cy="1068388"/>
          </a:xfrm>
        </p:spPr>
        <p:txBody>
          <a:bodyPr/>
          <a:lstStyle>
            <a:lvl1pPr>
              <a:defRPr sz="2800">
                <a:solidFill>
                  <a:schemeClr val="tx1"/>
                </a:solidFill>
              </a:defRPr>
            </a:lvl1pPr>
          </a:lstStyle>
          <a:p>
            <a:r>
              <a:rPr lang="en-US" noProof="0" dirty="0"/>
              <a:t>Click to add title</a:t>
            </a:r>
            <a:endParaRPr lang="en-US" dirty="0"/>
          </a:p>
        </p:txBody>
      </p:sp>
      <p:sp>
        <p:nvSpPr>
          <p:cNvPr id="4" name="Content Placeholder 3">
            <a:extLst>
              <a:ext uri="{FF2B5EF4-FFF2-40B4-BE49-F238E27FC236}">
                <a16:creationId xmlns:a16="http://schemas.microsoft.com/office/drawing/2014/main" id="{013792E7-D3ED-44A3-BDD8-D9B78A9E6685}"/>
              </a:ext>
            </a:extLst>
          </p:cNvPr>
          <p:cNvSpPr>
            <a:spLocks noGrp="1"/>
          </p:cNvSpPr>
          <p:nvPr>
            <p:ph sz="quarter" idx="18" hasCustomPrompt="1"/>
          </p:nvPr>
        </p:nvSpPr>
        <p:spPr>
          <a:xfrm>
            <a:off x="360000" y="1609199"/>
            <a:ext cx="3704080" cy="4362975"/>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endParaRPr lang="en-US" dirty="0"/>
          </a:p>
          <a:p>
            <a:pPr lvl="8"/>
            <a:endParaRPr lang="en-US" dirty="0"/>
          </a:p>
        </p:txBody>
      </p:sp>
      <p:sp>
        <p:nvSpPr>
          <p:cNvPr id="11" name="Content Placeholder 10">
            <a:extLst>
              <a:ext uri="{FF2B5EF4-FFF2-40B4-BE49-F238E27FC236}">
                <a16:creationId xmlns:a16="http://schemas.microsoft.com/office/drawing/2014/main" id="{AEA23C3E-812A-448E-A56C-7B570C44284B}"/>
              </a:ext>
            </a:extLst>
          </p:cNvPr>
          <p:cNvSpPr>
            <a:spLocks noGrp="1"/>
          </p:cNvSpPr>
          <p:nvPr>
            <p:ph sz="quarter" idx="19" hasCustomPrompt="1"/>
          </p:nvPr>
        </p:nvSpPr>
        <p:spPr>
          <a:xfrm>
            <a:off x="5214938" y="360000"/>
            <a:ext cx="2732087"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3" name="Content Placeholder 12">
            <a:extLst>
              <a:ext uri="{FF2B5EF4-FFF2-40B4-BE49-F238E27FC236}">
                <a16:creationId xmlns:a16="http://schemas.microsoft.com/office/drawing/2014/main" id="{629B33CE-B0C3-47BE-B282-38CF33B6B4C5}"/>
              </a:ext>
            </a:extLst>
          </p:cNvPr>
          <p:cNvSpPr>
            <a:spLocks noGrp="1"/>
          </p:cNvSpPr>
          <p:nvPr>
            <p:ph sz="quarter" idx="20" hasCustomPrompt="1"/>
          </p:nvPr>
        </p:nvSpPr>
        <p:spPr>
          <a:xfrm>
            <a:off x="5214938" y="3254400"/>
            <a:ext cx="2732087" cy="2718000"/>
          </a:xfrm>
        </p:spPr>
        <p:txBody>
          <a:bodyPr/>
          <a:lstStyle>
            <a:lvl1pPr>
              <a:defRPr sz="1600">
                <a:solidFill>
                  <a:schemeClr val="tx1"/>
                </a:solidFill>
              </a:defRPr>
            </a:lvl1pPr>
            <a:lvl2pPr>
              <a:defRPr sz="1600">
                <a:solidFill>
                  <a:schemeClr val="tx1"/>
                </a:solidFill>
              </a:defRPr>
            </a:lvl2pPr>
            <a:lvl3pPr marL="825750" indent="-28575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endParaRPr lang="en-US" dirty="0"/>
          </a:p>
        </p:txBody>
      </p:sp>
      <p:sp>
        <p:nvSpPr>
          <p:cNvPr id="14" name="Content Placeholder 10">
            <a:extLst>
              <a:ext uri="{FF2B5EF4-FFF2-40B4-BE49-F238E27FC236}">
                <a16:creationId xmlns:a16="http://schemas.microsoft.com/office/drawing/2014/main" id="{E825DF73-58A1-47D7-B622-D1B8BA7C3396}"/>
              </a:ext>
            </a:extLst>
          </p:cNvPr>
          <p:cNvSpPr>
            <a:spLocks noGrp="1"/>
          </p:cNvSpPr>
          <p:nvPr>
            <p:ph sz="quarter" idx="21" hasCustomPrompt="1"/>
          </p:nvPr>
        </p:nvSpPr>
        <p:spPr>
          <a:xfrm>
            <a:off x="9091164" y="360000"/>
            <a:ext cx="2732088"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5" name="Content Placeholder 12">
            <a:extLst>
              <a:ext uri="{FF2B5EF4-FFF2-40B4-BE49-F238E27FC236}">
                <a16:creationId xmlns:a16="http://schemas.microsoft.com/office/drawing/2014/main" id="{74A4E2BC-92E5-4432-B1DD-099201543C36}"/>
              </a:ext>
            </a:extLst>
          </p:cNvPr>
          <p:cNvSpPr>
            <a:spLocks noGrp="1"/>
          </p:cNvSpPr>
          <p:nvPr>
            <p:ph sz="quarter" idx="22" hasCustomPrompt="1"/>
          </p:nvPr>
        </p:nvSpPr>
        <p:spPr>
          <a:xfrm>
            <a:off x="9091164" y="3254400"/>
            <a:ext cx="2732088"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buNone/>
              <a:defRPr>
                <a:solidFill>
                  <a:schemeClr val="tx1"/>
                </a:solidFill>
              </a:defRPr>
            </a:lvl7pPr>
            <a:lvl8pPr>
              <a:buNone/>
              <a:defRPr>
                <a:solidFill>
                  <a:schemeClr val="tx1"/>
                </a:solidFill>
              </a:defRPr>
            </a:lvl8pPr>
            <a:lvl9pPr>
              <a:buNone/>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6" name="Date Placeholder 5">
            <a:extLst>
              <a:ext uri="{FF2B5EF4-FFF2-40B4-BE49-F238E27FC236}">
                <a16:creationId xmlns:a16="http://schemas.microsoft.com/office/drawing/2014/main" id="{72E73A1B-874D-4A61-944C-6104EF22B9DD}"/>
              </a:ext>
            </a:extLst>
          </p:cNvPr>
          <p:cNvSpPr>
            <a:spLocks noGrp="1"/>
          </p:cNvSpPr>
          <p:nvPr>
            <p:ph type="dt" sz="half" idx="15"/>
          </p:nvPr>
        </p:nvSpPr>
        <p:spPr/>
        <p:txBody>
          <a:bodyPr/>
          <a:lstStyle>
            <a:lvl1pPr algn="r">
              <a:defRPr>
                <a:solidFill>
                  <a:schemeClr val="tx1"/>
                </a:solidFill>
              </a:defRPr>
            </a:lvl1pPr>
          </a:lstStyle>
          <a:p>
            <a:fld id="{BA721E3A-672A-48B9-8C43-EE960D374719}" type="datetime1">
              <a:rPr lang="en-US" smtClean="0"/>
              <a:pPr/>
              <a:t>8/11/2022</a:t>
            </a:fld>
            <a:endParaRPr lang="en-US" dirty="0"/>
          </a:p>
        </p:txBody>
      </p:sp>
      <p:sp>
        <p:nvSpPr>
          <p:cNvPr id="10" name="Slide Number Placeholder 9">
            <a:extLst>
              <a:ext uri="{FF2B5EF4-FFF2-40B4-BE49-F238E27FC236}">
                <a16:creationId xmlns:a16="http://schemas.microsoft.com/office/drawing/2014/main" id="{D92667E6-AA52-4ED3-B122-113FB4F8CA4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8">
            <a:extLst>
              <a:ext uri="{FF2B5EF4-FFF2-40B4-BE49-F238E27FC236}">
                <a16:creationId xmlns:a16="http://schemas.microsoft.com/office/drawing/2014/main" id="{74F0C388-2B1F-4F56-9D85-B290B98203B9}"/>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Tree>
    <p:extLst>
      <p:ext uri="{BB962C8B-B14F-4D97-AF65-F5344CB8AC3E}">
        <p14:creationId xmlns:p14="http://schemas.microsoft.com/office/powerpoint/2010/main" val="14738480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 Repor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9" y="360362"/>
            <a:ext cx="2735262" cy="1068388"/>
          </a:xfrm>
        </p:spPr>
        <p:txBody>
          <a:bodyPr/>
          <a:lstStyle>
            <a:lvl1pPr>
              <a:defRPr sz="2800">
                <a:solidFill>
                  <a:schemeClr val="tx1"/>
                </a:solidFill>
              </a:defRPr>
            </a:lvl1pPr>
          </a:lstStyle>
          <a:p>
            <a:r>
              <a:rPr lang="en-US" noProof="0" dirty="0"/>
              <a:t>Click to add title</a:t>
            </a:r>
            <a:endParaRPr lang="en-US" dirty="0"/>
          </a:p>
        </p:txBody>
      </p:sp>
      <p:sp>
        <p:nvSpPr>
          <p:cNvPr id="4" name="Content Placeholder 3">
            <a:extLst>
              <a:ext uri="{FF2B5EF4-FFF2-40B4-BE49-F238E27FC236}">
                <a16:creationId xmlns:a16="http://schemas.microsoft.com/office/drawing/2014/main" id="{013792E7-D3ED-44A3-BDD8-D9B78A9E6685}"/>
              </a:ext>
            </a:extLst>
          </p:cNvPr>
          <p:cNvSpPr>
            <a:spLocks noGrp="1"/>
          </p:cNvSpPr>
          <p:nvPr>
            <p:ph sz="quarter" idx="18" hasCustomPrompt="1"/>
          </p:nvPr>
        </p:nvSpPr>
        <p:spPr>
          <a:xfrm>
            <a:off x="360001" y="1609199"/>
            <a:ext cx="2733245" cy="4362975"/>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1" name="Content Placeholder 10">
            <a:extLst>
              <a:ext uri="{FF2B5EF4-FFF2-40B4-BE49-F238E27FC236}">
                <a16:creationId xmlns:a16="http://schemas.microsoft.com/office/drawing/2014/main" id="{AEA23C3E-812A-448E-A56C-7B570C44284B}"/>
              </a:ext>
            </a:extLst>
          </p:cNvPr>
          <p:cNvSpPr>
            <a:spLocks noGrp="1"/>
          </p:cNvSpPr>
          <p:nvPr>
            <p:ph sz="quarter" idx="19" hasCustomPrompt="1"/>
          </p:nvPr>
        </p:nvSpPr>
        <p:spPr>
          <a:xfrm>
            <a:off x="4243388" y="360000"/>
            <a:ext cx="1763712"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3" name="Content Placeholder 12">
            <a:extLst>
              <a:ext uri="{FF2B5EF4-FFF2-40B4-BE49-F238E27FC236}">
                <a16:creationId xmlns:a16="http://schemas.microsoft.com/office/drawing/2014/main" id="{629B33CE-B0C3-47BE-B282-38CF33B6B4C5}"/>
              </a:ext>
            </a:extLst>
          </p:cNvPr>
          <p:cNvSpPr>
            <a:spLocks noGrp="1"/>
          </p:cNvSpPr>
          <p:nvPr>
            <p:ph sz="quarter" idx="20" hasCustomPrompt="1"/>
          </p:nvPr>
        </p:nvSpPr>
        <p:spPr>
          <a:xfrm>
            <a:off x="4243388" y="3254400"/>
            <a:ext cx="1763712"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4" name="Content Placeholder 13">
            <a:extLst>
              <a:ext uri="{FF2B5EF4-FFF2-40B4-BE49-F238E27FC236}">
                <a16:creationId xmlns:a16="http://schemas.microsoft.com/office/drawing/2014/main" id="{E825DF73-58A1-47D7-B622-D1B8BA7C3396}"/>
              </a:ext>
            </a:extLst>
          </p:cNvPr>
          <p:cNvSpPr>
            <a:spLocks noGrp="1"/>
          </p:cNvSpPr>
          <p:nvPr>
            <p:ph sz="quarter" idx="21" hasCustomPrompt="1"/>
          </p:nvPr>
        </p:nvSpPr>
        <p:spPr>
          <a:xfrm>
            <a:off x="7157242" y="360000"/>
            <a:ext cx="1759746"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5" name="Content Placeholder 14">
            <a:extLst>
              <a:ext uri="{FF2B5EF4-FFF2-40B4-BE49-F238E27FC236}">
                <a16:creationId xmlns:a16="http://schemas.microsoft.com/office/drawing/2014/main" id="{74A4E2BC-92E5-4432-B1DD-099201543C36}"/>
              </a:ext>
            </a:extLst>
          </p:cNvPr>
          <p:cNvSpPr>
            <a:spLocks noGrp="1"/>
          </p:cNvSpPr>
          <p:nvPr>
            <p:ph sz="quarter" idx="22" hasCustomPrompt="1"/>
          </p:nvPr>
        </p:nvSpPr>
        <p:spPr>
          <a:xfrm>
            <a:off x="7157242" y="3254400"/>
            <a:ext cx="1759746"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2" name="Content Placeholder 15">
            <a:extLst>
              <a:ext uri="{FF2B5EF4-FFF2-40B4-BE49-F238E27FC236}">
                <a16:creationId xmlns:a16="http://schemas.microsoft.com/office/drawing/2014/main" id="{BCE8D801-EF6F-417A-AE54-EF4B467BE746}"/>
              </a:ext>
            </a:extLst>
          </p:cNvPr>
          <p:cNvSpPr>
            <a:spLocks noGrp="1"/>
          </p:cNvSpPr>
          <p:nvPr>
            <p:ph sz="quarter" idx="23" hasCustomPrompt="1"/>
          </p:nvPr>
        </p:nvSpPr>
        <p:spPr>
          <a:xfrm>
            <a:off x="10067130" y="360000"/>
            <a:ext cx="1764870"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16" name="Content Placeholder 16">
            <a:extLst>
              <a:ext uri="{FF2B5EF4-FFF2-40B4-BE49-F238E27FC236}">
                <a16:creationId xmlns:a16="http://schemas.microsoft.com/office/drawing/2014/main" id="{BC8AE6A5-C0DA-4E70-9B5B-794B2DD66EE9}"/>
              </a:ext>
            </a:extLst>
          </p:cNvPr>
          <p:cNvSpPr>
            <a:spLocks noGrp="1"/>
          </p:cNvSpPr>
          <p:nvPr>
            <p:ph sz="quarter" idx="24" hasCustomPrompt="1"/>
          </p:nvPr>
        </p:nvSpPr>
        <p:spPr>
          <a:xfrm>
            <a:off x="10067130" y="3254400"/>
            <a:ext cx="1764870" cy="2718000"/>
          </a:xfrm>
        </p:spPr>
        <p:txBody>
          <a:bodyPr/>
          <a:lstStyle>
            <a:lvl1pPr>
              <a:defRPr sz="1600">
                <a:solidFill>
                  <a:schemeClr val="tx1"/>
                </a:solidFill>
              </a:defRPr>
            </a:lvl1pPr>
            <a:lvl2pPr>
              <a:defRPr sz="1600">
                <a:solidFill>
                  <a:schemeClr val="tx1"/>
                </a:solidFill>
              </a:defRPr>
            </a:lvl2pPr>
            <a:lvl3pPr marL="810000" indent="-270000">
              <a:buFont typeface="Arial" panose="020B0604020202020204" pitchFamily="34" charset="0"/>
              <a:buChar char="•"/>
              <a:defRPr sz="1600">
                <a:solidFill>
                  <a:schemeClr val="tx1"/>
                </a:solidFill>
              </a:defRPr>
            </a:lvl3pPr>
            <a:lvl4pPr>
              <a:defRPr sz="1600">
                <a:solidFill>
                  <a:schemeClr val="tx1"/>
                </a:solidFill>
              </a:defRPr>
            </a:lvl4pPr>
            <a:lvl5pPr>
              <a:defRPr sz="1600">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sz="4800">
                <a:solidFill>
                  <a:schemeClr val="tx1"/>
                </a:solidFill>
              </a:defRPr>
            </a:lvl9pPr>
          </a:lstStyle>
          <a:p>
            <a:pPr lvl="0"/>
            <a:r>
              <a:rPr lang="en-US" dirty="0"/>
              <a:t>Click to 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p:txBody>
      </p:sp>
      <p:sp>
        <p:nvSpPr>
          <p:cNvPr id="6" name="Date Placeholder 5">
            <a:extLst>
              <a:ext uri="{FF2B5EF4-FFF2-40B4-BE49-F238E27FC236}">
                <a16:creationId xmlns:a16="http://schemas.microsoft.com/office/drawing/2014/main" id="{72E73A1B-874D-4A61-944C-6104EF22B9DD}"/>
              </a:ext>
            </a:extLst>
          </p:cNvPr>
          <p:cNvSpPr>
            <a:spLocks noGrp="1"/>
          </p:cNvSpPr>
          <p:nvPr>
            <p:ph type="dt" sz="half" idx="15"/>
          </p:nvPr>
        </p:nvSpPr>
        <p:spPr/>
        <p:txBody>
          <a:bodyPr/>
          <a:lstStyle>
            <a:lvl1pPr algn="r">
              <a:defRPr>
                <a:solidFill>
                  <a:schemeClr val="tx1"/>
                </a:solidFill>
              </a:defRPr>
            </a:lvl1pPr>
          </a:lstStyle>
          <a:p>
            <a:fld id="{22F3B26F-2B10-4C48-8742-ECF78E3EDE0B}" type="datetime1">
              <a:rPr lang="en-US" smtClean="0"/>
              <a:pPr/>
              <a:t>8/11/2022</a:t>
            </a:fld>
            <a:endParaRPr lang="en-US" dirty="0"/>
          </a:p>
        </p:txBody>
      </p:sp>
      <p:sp>
        <p:nvSpPr>
          <p:cNvPr id="10" name="Slide Number Placeholder 9">
            <a:extLst>
              <a:ext uri="{FF2B5EF4-FFF2-40B4-BE49-F238E27FC236}">
                <a16:creationId xmlns:a16="http://schemas.microsoft.com/office/drawing/2014/main" id="{D92667E6-AA52-4ED3-B122-113FB4F8CA4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7" name="Footer Placeholder 8">
            <a:extLst>
              <a:ext uri="{FF2B5EF4-FFF2-40B4-BE49-F238E27FC236}">
                <a16:creationId xmlns:a16="http://schemas.microsoft.com/office/drawing/2014/main" id="{678ECD0E-3051-48C9-B861-FC55CC541F72}"/>
              </a:ext>
            </a:extLst>
          </p:cNvPr>
          <p:cNvSpPr>
            <a:spLocks noGrp="1"/>
          </p:cNvSpPr>
          <p:nvPr>
            <p:ph type="ftr" sz="quarter" idx="16"/>
          </p:nvPr>
        </p:nvSpPr>
        <p:spPr>
          <a:xfrm>
            <a:off x="0" y="6876000"/>
            <a:ext cx="0" cy="0"/>
          </a:xfrm>
          <a:prstGeom prst="rect">
            <a:avLst/>
          </a:prstGeom>
        </p:spPr>
        <p:txBody>
          <a:bodyPr/>
          <a:lstStyle>
            <a:lvl1pPr>
              <a:defRPr sz="100">
                <a:solidFill>
                  <a:schemeClr val="tx1"/>
                </a:solidFill>
              </a:defRPr>
            </a:lvl1pPr>
          </a:lstStyle>
          <a:p>
            <a:endParaRPr lang="en-US" dirty="0"/>
          </a:p>
        </p:txBody>
      </p:sp>
    </p:spTree>
    <p:extLst>
      <p:ext uri="{BB962C8B-B14F-4D97-AF65-F5344CB8AC3E}">
        <p14:creationId xmlns:p14="http://schemas.microsoft.com/office/powerpoint/2010/main" val="376804559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8" y="360362"/>
            <a:ext cx="6618287" cy="1068388"/>
          </a:xfrm>
        </p:spPr>
        <p:txBody>
          <a:bodyPr/>
          <a:lstStyle/>
          <a:p>
            <a:r>
              <a:rPr lang="en-US" noProof="0" dirty="0"/>
              <a:t>Click to add title</a:t>
            </a:r>
            <a:endParaRPr lang="en-US" dirty="0"/>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lvl1pPr algn="r">
              <a:defRPr>
                <a:solidFill>
                  <a:schemeClr val="tx1"/>
                </a:solidFill>
              </a:defRPr>
            </a:lvl1pPr>
          </a:lstStyle>
          <a:p>
            <a:fld id="{66C94FD4-54C8-45B4-9DA7-E81EA29123C1}" type="datetime1">
              <a:rPr lang="en-US" smtClean="0"/>
              <a:pPr/>
              <a:t>8/11/2022</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Tree>
    <p:extLst>
      <p:ext uri="{BB962C8B-B14F-4D97-AF65-F5344CB8AC3E}">
        <p14:creationId xmlns:p14="http://schemas.microsoft.com/office/powerpoint/2010/main" val="345088864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bwMode="ltGray">
      <p:bgRef idx="1001">
        <a:schemeClr val="bg1"/>
      </p:bgRef>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60001" y="1842597"/>
            <a:ext cx="8556987" cy="1820863"/>
          </a:xfrm>
          <a:noFill/>
        </p:spPr>
        <p:txBody>
          <a:bodyPr anchor="b" anchorCtr="0"/>
          <a:lstStyle>
            <a:lvl1pPr algn="l">
              <a:lnSpc>
                <a:spcPct val="95000"/>
              </a:lnSpc>
              <a:defRPr sz="6000">
                <a:solidFill>
                  <a:schemeClr val="tx1"/>
                </a:solidFill>
              </a:defRPr>
            </a:lvl1pPr>
          </a:lstStyle>
          <a:p>
            <a:r>
              <a:rPr lang="en-US" dirty="0"/>
              <a:t>Click to add title</a:t>
            </a:r>
            <a:endParaRPr lang="en-US"/>
          </a:p>
        </p:txBody>
      </p:sp>
      <p:sp>
        <p:nvSpPr>
          <p:cNvPr id="10" name="Text Placeholder 4">
            <a:extLst>
              <a:ext uri="{FF2B5EF4-FFF2-40B4-BE49-F238E27FC236}">
                <a16:creationId xmlns:a16="http://schemas.microsoft.com/office/drawing/2014/main" id="{F9D95A4B-FCFC-48EF-98F8-6CE38573EB91}"/>
              </a:ext>
            </a:extLst>
          </p:cNvPr>
          <p:cNvSpPr>
            <a:spLocks noGrp="1"/>
          </p:cNvSpPr>
          <p:nvPr>
            <p:ph type="body" sz="quarter" idx="13" hasCustomPrompt="1"/>
          </p:nvPr>
        </p:nvSpPr>
        <p:spPr>
          <a:xfrm>
            <a:off x="357188" y="3767371"/>
            <a:ext cx="8556987" cy="1765921"/>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12" name="Graphic 11">
            <a:extLst>
              <a:ext uri="{FF2B5EF4-FFF2-40B4-BE49-F238E27FC236}">
                <a16:creationId xmlns:a16="http://schemas.microsoft.com/office/drawing/2014/main" id="{274356DE-44CC-4A57-B1CC-48C0CC55B33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21D29C89-1139-49DB-8863-361B196D6631}"/>
              </a:ext>
            </a:extLst>
          </p:cNvPr>
          <p:cNvSpPr>
            <a:spLocks noGrp="1"/>
          </p:cNvSpPr>
          <p:nvPr>
            <p:ph type="dt" sz="half" idx="14"/>
          </p:nvPr>
        </p:nvSpPr>
        <p:spPr/>
        <p:txBody>
          <a:bodyPr/>
          <a:lstStyle>
            <a:lvl1pPr algn="r">
              <a:defRPr>
                <a:solidFill>
                  <a:schemeClr val="tx1"/>
                </a:solidFill>
              </a:defRPr>
            </a:lvl1pPr>
          </a:lstStyle>
          <a:p>
            <a:fld id="{C84929F5-B353-419F-879B-13513065700D}" type="datetime1">
              <a:rPr lang="en-US" smtClean="0"/>
              <a:pPr/>
              <a:t>8/11/2022</a:t>
            </a:fld>
            <a:endParaRPr lang="en-US" dirty="0"/>
          </a:p>
        </p:txBody>
      </p:sp>
      <p:sp>
        <p:nvSpPr>
          <p:cNvPr id="13" name="Slide Number Placeholder 12">
            <a:extLst>
              <a:ext uri="{FF2B5EF4-FFF2-40B4-BE49-F238E27FC236}">
                <a16:creationId xmlns:a16="http://schemas.microsoft.com/office/drawing/2014/main" id="{9EA9BC73-6944-4885-9960-E66A391BEDC2}"/>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text" descr="{&quot;templafy&quot;:{&quot;id&quot;:&quot;0696453b-099a-48cc-901c-34f7c64ab139&quot;}}" title="Form.Cigna_Confidentiality.EvernorthConfidentiality">
            <a:extLst>
              <a:ext uri="{FF2B5EF4-FFF2-40B4-BE49-F238E27FC236}">
                <a16:creationId xmlns:a16="http://schemas.microsoft.com/office/drawing/2014/main" id="{351F1E21-0C07-4F19-B8F7-5C8CCA364B47}"/>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978ce250-14ca-4887-9b67-58a52e1173b4&quot;}}" title="Form.Cigna_Confidentiality.Cigna_confidentiality">
            <a:extLst>
              <a:ext uri="{FF2B5EF4-FFF2-40B4-BE49-F238E27FC236}">
                <a16:creationId xmlns:a16="http://schemas.microsoft.com/office/drawing/2014/main" id="{8453E8F5-BB6A-474A-BE59-37FDF635B375}"/>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2173788056"/>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A. Infographic w/eyebrow">
    <p:spTree>
      <p:nvGrpSpPr>
        <p:cNvPr id="1" name=""/>
        <p:cNvGrpSpPr/>
        <p:nvPr/>
      </p:nvGrpSpPr>
      <p:grpSpPr>
        <a:xfrm>
          <a:off x="0" y="0"/>
          <a:ext cx="0" cy="0"/>
          <a:chOff x="0" y="0"/>
          <a:chExt cx="0" cy="0"/>
        </a:xfrm>
      </p:grpSpPr>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
        <p:nvSpPr>
          <p:cNvPr id="7" name="Title 1">
            <a:extLst>
              <a:ext uri="{FF2B5EF4-FFF2-40B4-BE49-F238E27FC236}">
                <a16:creationId xmlns:a16="http://schemas.microsoft.com/office/drawing/2014/main" id="{87A655C7-CF4D-4744-9276-B426F65AE451}"/>
              </a:ext>
            </a:extLst>
          </p:cNvPr>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dirty="0"/>
              <a:t>Click to add title</a:t>
            </a:r>
            <a:endParaRPr lang="en-US" dirty="0"/>
          </a:p>
        </p:txBody>
      </p:sp>
      <p:sp>
        <p:nvSpPr>
          <p:cNvPr id="10" name="Text Placeholder 7">
            <a:extLst>
              <a:ext uri="{FF2B5EF4-FFF2-40B4-BE49-F238E27FC236}">
                <a16:creationId xmlns:a16="http://schemas.microsoft.com/office/drawing/2014/main" id="{D6B3DB25-56C7-A24E-8BD8-29AD5E72AC20}"/>
              </a:ext>
            </a:extLst>
          </p:cNvPr>
          <p:cNvSpPr>
            <a:spLocks noGrp="1"/>
          </p:cNvSpPr>
          <p:nvPr>
            <p:ph type="body" sz="quarter" idx="13" hasCustomPrompt="1"/>
          </p:nvPr>
        </p:nvSpPr>
        <p:spPr>
          <a:xfrm>
            <a:off x="356400" y="129600"/>
            <a:ext cx="7589837" cy="269245"/>
          </a:xfrm>
          <a:prstGeom prst="rect">
            <a:avLst/>
          </a:prstGeom>
        </p:spPr>
        <p:txBody>
          <a:bodyPr lIns="0" anchor="b" anchorCtr="0">
            <a:noAutofit/>
          </a:bodyPr>
          <a:lstStyle>
            <a:lvl1pPr marL="0" indent="0">
              <a:lnSpc>
                <a:spcPct val="85000"/>
              </a:lnSpc>
              <a:spcBef>
                <a:spcPts val="0"/>
              </a:spcBef>
              <a:spcAft>
                <a:spcPts val="0"/>
              </a:spcAft>
              <a:buNone/>
              <a:defRPr sz="1200" b="0" i="0" cap="all" spc="150" baseline="0">
                <a:solidFill>
                  <a:schemeClr val="tx1"/>
                </a:solidFill>
                <a:latin typeface="Consolas" panose="020B0609020204030204" pitchFamily="49" charset="0"/>
                <a:cs typeface="Consolas" panose="020B0609020204030204" pitchFamily="49" charset="0"/>
              </a:defRPr>
            </a:lvl1pPr>
          </a:lstStyle>
          <a:p>
            <a:pPr lvl="0"/>
            <a:r>
              <a:rPr lang="en-US" dirty="0"/>
              <a:t>Category or Subtopic Goes Here</a:t>
            </a:r>
            <a:endParaRPr lang="en-US"/>
          </a:p>
        </p:txBody>
      </p:sp>
      <p:sp>
        <p:nvSpPr>
          <p:cNvPr id="2" name="Date Placeholder 1">
            <a:extLst>
              <a:ext uri="{FF2B5EF4-FFF2-40B4-BE49-F238E27FC236}">
                <a16:creationId xmlns:a16="http://schemas.microsoft.com/office/drawing/2014/main" id="{95D04106-8929-431D-8754-FFAC8DF7F73A}"/>
              </a:ext>
            </a:extLst>
          </p:cNvPr>
          <p:cNvSpPr>
            <a:spLocks noGrp="1"/>
          </p:cNvSpPr>
          <p:nvPr>
            <p:ph type="dt" sz="half" idx="17"/>
          </p:nvPr>
        </p:nvSpPr>
        <p:spPr/>
        <p:txBody>
          <a:bodyPr/>
          <a:lstStyle>
            <a:lvl1pPr algn="r">
              <a:defRPr/>
            </a:lvl1pPr>
          </a:lstStyle>
          <a:p>
            <a:fld id="{91F2A218-8EC3-4ABD-95C2-C85E74315FA4}" type="datetime1">
              <a:rPr lang="en-US" smtClean="0"/>
              <a:pPr/>
              <a:t>8/11/2022</a:t>
            </a:fld>
            <a:endParaRPr lang="en-US" dirty="0"/>
          </a:p>
        </p:txBody>
      </p:sp>
      <p:sp>
        <p:nvSpPr>
          <p:cNvPr id="3" name="Slide Number Placeholder 2">
            <a:extLst>
              <a:ext uri="{FF2B5EF4-FFF2-40B4-BE49-F238E27FC236}">
                <a16:creationId xmlns:a16="http://schemas.microsoft.com/office/drawing/2014/main" id="{1CCB85E8-E9A6-42E6-832D-DAE6C6B71D4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13450892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 Infographic">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lvl1pPr algn="r">
              <a:defRPr>
                <a:solidFill>
                  <a:schemeClr val="bg1"/>
                </a:solidFill>
              </a:defRPr>
            </a:lvl1pPr>
          </a:lstStyle>
          <a:p>
            <a:fld id="{C55E3C9A-D44E-4F76-AC89-1CD406B62E1D}" type="datetime1">
              <a:rPr lang="en-US" smtClean="0"/>
              <a:pPr/>
              <a:t>8/11/2022</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0" name="Text Placeholder 13">
            <a:extLst>
              <a:ext uri="{FF2B5EF4-FFF2-40B4-BE49-F238E27FC236}">
                <a16:creationId xmlns:a16="http://schemas.microsoft.com/office/drawing/2014/main" id="{9FEE09BE-0BC3-4B9F-A94D-D67FDE994973}"/>
              </a:ext>
            </a:extLst>
          </p:cNvPr>
          <p:cNvSpPr>
            <a:spLocks noGrp="1"/>
          </p:cNvSpPr>
          <p:nvPr>
            <p:ph type="body" sz="quarter" idx="16" hasCustomPrompt="1"/>
          </p:nvPr>
        </p:nvSpPr>
        <p:spPr>
          <a:xfrm>
            <a:off x="360000" y="5972400"/>
            <a:ext cx="11473200" cy="180000"/>
          </a:xfrm>
        </p:spPr>
        <p:txBody>
          <a:bodyPr anchor="b"/>
          <a:lstStyle>
            <a:lvl1pPr marL="0" indent="0">
              <a:buNone/>
              <a:defRPr sz="800" i="1">
                <a:solidFill>
                  <a:schemeClr val="bg1"/>
                </a:solidFill>
              </a:defRPr>
            </a:lvl1pPr>
          </a:lstStyle>
          <a:p>
            <a:pPr lvl="0"/>
            <a:r>
              <a:rPr lang="en-US" dirty="0"/>
              <a:t>Insert notes</a:t>
            </a:r>
            <a:endParaRPr lang="en-US"/>
          </a:p>
        </p:txBody>
      </p:sp>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a:xfrm>
            <a:off x="357189" y="360362"/>
            <a:ext cx="6618286" cy="1068388"/>
          </a:xfrm>
        </p:spPr>
        <p:txBody>
          <a:bodyPr/>
          <a:lstStyle>
            <a:lvl1pPr>
              <a:defRPr>
                <a:solidFill>
                  <a:schemeClr val="bg1"/>
                </a:solidFill>
              </a:defRPr>
            </a:lvl1pPr>
          </a:lstStyle>
          <a:p>
            <a:r>
              <a:rPr lang="en-US" dirty="0"/>
              <a:t>Click to add title</a:t>
            </a:r>
            <a:endParaRPr lang="en-US"/>
          </a:p>
        </p:txBody>
      </p:sp>
      <p:pic>
        <p:nvPicPr>
          <p:cNvPr id="5" name="Graphic 4">
            <a:extLst>
              <a:ext uri="{FF2B5EF4-FFF2-40B4-BE49-F238E27FC236}">
                <a16:creationId xmlns:a16="http://schemas.microsoft.com/office/drawing/2014/main" id="{4C9ADD6E-C7FE-4C30-817F-771FC6C3F241}"/>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4" name="text" descr="{&quot;templafy&quot;:{&quot;id&quot;:&quot;b4e207ad-6d83-4c79-83ff-4003187b004f&quot;}}" title="Form.Cigna_Confidentiality.EvernorthConfidentiality">
            <a:extLst>
              <a:ext uri="{FF2B5EF4-FFF2-40B4-BE49-F238E27FC236}">
                <a16:creationId xmlns:a16="http://schemas.microsoft.com/office/drawing/2014/main" id="{1F510359-C3CB-46BD-8EB1-4D7106D45B2B}"/>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b8977812-2056-40dc-8898-3d3de5394739&quot;}}" title="Form.Cigna_Confidentiality.Cigna_confidentiality">
            <a:extLst>
              <a:ext uri="{FF2B5EF4-FFF2-40B4-BE49-F238E27FC236}">
                <a16:creationId xmlns:a16="http://schemas.microsoft.com/office/drawing/2014/main" id="{5D94009D-18AC-47B8-8A6C-B74CF145CAFF}"/>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39525407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518F144-C552-47DE-B37E-F764CB8D02BC}"/>
              </a:ext>
            </a:extLst>
          </p:cNvPr>
          <p:cNvSpPr>
            <a:spLocks noGrp="1"/>
          </p:cNvSpPr>
          <p:nvPr>
            <p:ph type="dt" sz="half" idx="10"/>
          </p:nvPr>
        </p:nvSpPr>
        <p:spPr/>
        <p:txBody>
          <a:bodyPr/>
          <a:lstStyle>
            <a:lvl1pPr algn="r">
              <a:defRPr>
                <a:solidFill>
                  <a:schemeClr val="tx1"/>
                </a:solidFill>
              </a:defRPr>
            </a:lvl1pPr>
          </a:lstStyle>
          <a:p>
            <a:fld id="{F0C85652-6B06-4BCD-9A94-877AFB38C7DE}" type="datetime1">
              <a:rPr lang="en-US" smtClean="0"/>
              <a:pPr/>
              <a:t>8/11/2022</a:t>
            </a:fld>
            <a:endParaRPr lang="en-US" dirty="0"/>
          </a:p>
        </p:txBody>
      </p:sp>
      <p:sp>
        <p:nvSpPr>
          <p:cNvPr id="7" name="Slide Number Placeholder 6">
            <a:extLst>
              <a:ext uri="{FF2B5EF4-FFF2-40B4-BE49-F238E27FC236}">
                <a16:creationId xmlns:a16="http://schemas.microsoft.com/office/drawing/2014/main" id="{F8EC8840-13BA-406D-AE15-E96701F6D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8" name="Text Placeholder 13">
            <a:extLst>
              <a:ext uri="{FF2B5EF4-FFF2-40B4-BE49-F238E27FC236}">
                <a16:creationId xmlns:a16="http://schemas.microsoft.com/office/drawing/2014/main" id="{2EDC7333-558C-4005-82A2-C278C95B67D7}"/>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Tree>
    <p:extLst>
      <p:ext uri="{BB962C8B-B14F-4D97-AF65-F5344CB8AC3E}">
        <p14:creationId xmlns:p14="http://schemas.microsoft.com/office/powerpoint/2010/main" val="284394888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86660" y="1523708"/>
            <a:ext cx="2786833" cy="523220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endParaRPr lang="en-US" dirty="0"/>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1600" b="0" noProof="1">
                <a:solidFill>
                  <a:schemeClr val="tx1"/>
                </a:solidFill>
                <a:latin typeface="+mn-lt"/>
                <a:cs typeface="Arial" panose="020B0604020202020204" pitchFamily="34" charset="0"/>
              </a:rPr>
              <a:t>COPY/PASTE CONTENT</a:t>
            </a:r>
            <a:endParaRPr lang="en-US" dirty="0"/>
          </a:p>
          <a:p>
            <a:pPr eaLnBrk="1" hangingPunct="1">
              <a:spcAft>
                <a:spcPts val="600"/>
              </a:spcAft>
              <a:defRPr/>
            </a:pPr>
            <a:r>
              <a:rPr lang="en-US" altLang="da-DK" sz="900" b="1" noProof="1">
                <a:solidFill>
                  <a:schemeClr val="tx1"/>
                </a:solidFill>
                <a:latin typeface="+mn-lt"/>
                <a:cs typeface="Arial" panose="020B0604020202020204" pitchFamily="34" charset="0"/>
              </a:rPr>
              <a:t>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endParaRPr lang="en-US" altLang="da-DK" sz="900" b="1" noProof="1">
              <a:solidFill>
                <a:schemeClr val="tx1"/>
              </a:solidFill>
              <a:latin typeface="+mn-lt"/>
              <a:cs typeface="Arial" panose="020B0604020202020204" pitchFamily="34" charset="0"/>
            </a:endParaRP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073493" y="1791789"/>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358775" y="1523708"/>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endParaRPr lang="en-US" dirty="0"/>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endParaRPr lang="en-US" dirty="0"/>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endParaRPr lang="en-US"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678654" y="3232912"/>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679195" y="2509729"/>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073493" y="3034518"/>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685076" y="4223464"/>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685076" y="5551617"/>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129514" y="3844258"/>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500257" y="1523708"/>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endParaRPr lang="en-US" dirty="0"/>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dirty="0"/>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endParaRPr lang="en-US" dirty="0"/>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dirty="0"/>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36682" y="455154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685075" y="4987076"/>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12"/>
          <a:stretch>
            <a:fillRect/>
          </a:stretch>
        </p:blipFill>
        <p:spPr>
          <a:xfrm>
            <a:off x="11036682" y="2132936"/>
            <a:ext cx="378293" cy="543366"/>
          </a:xfrm>
          <a:prstGeom prst="rect">
            <a:avLst/>
          </a:prstGeom>
        </p:spPr>
      </p:pic>
    </p:spTree>
    <p:extLst>
      <p:ext uri="{BB962C8B-B14F-4D97-AF65-F5344CB8AC3E}">
        <p14:creationId xmlns:p14="http://schemas.microsoft.com/office/powerpoint/2010/main" val="142930566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dirty="0"/>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9AC90A1C-3154-41CE-8000-9969C211DABE}" type="datetime1">
              <a:rPr lang="en-US" smtClean="0"/>
              <a:t>8/11/2022</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2" y="1369055"/>
            <a:ext cx="5645512" cy="2924037"/>
          </a:xfrm>
          <a:noFill/>
        </p:spPr>
        <p:txBody>
          <a:bodyPr rIns="360000" anchor="b"/>
          <a:lstStyle>
            <a:lvl1pPr algn="l">
              <a:lnSpc>
                <a:spcPct val="95000"/>
              </a:lnSpc>
              <a:defRPr sz="6000">
                <a:solidFill>
                  <a:schemeClr val="tx1"/>
                </a:solidFill>
              </a:defRPr>
            </a:lvl1pPr>
          </a:lstStyle>
          <a:p>
            <a:r>
              <a:rPr lang="en-US" dirty="0"/>
              <a:t>Click to add title</a:t>
            </a:r>
            <a:endParaRPr lang="en-US"/>
          </a:p>
        </p:txBody>
      </p:sp>
      <p:sp>
        <p:nvSpPr>
          <p:cNvPr id="4" name="Picture Placeholder 3">
            <a:extLst>
              <a:ext uri="{FF2B5EF4-FFF2-40B4-BE49-F238E27FC236}">
                <a16:creationId xmlns:a16="http://schemas.microsoft.com/office/drawing/2014/main" id="{928E0774-DE91-497B-8DE0-42893B8C6484}"/>
              </a:ext>
            </a:extLst>
          </p:cNvPr>
          <p:cNvSpPr>
            <a:spLocks noGrp="1"/>
          </p:cNvSpPr>
          <p:nvPr>
            <p:ph type="pic" sz="quarter" idx="13"/>
          </p:nvPr>
        </p:nvSpPr>
        <p:spPr>
          <a:xfrm>
            <a:off x="6186488" y="0"/>
            <a:ext cx="6003112" cy="6858000"/>
          </a:xfrm>
          <a:solidFill>
            <a:schemeClr val="accent6"/>
          </a:solidFill>
        </p:spPr>
        <p:txBody>
          <a:bodyPr tIns="72000"/>
          <a:lstStyle>
            <a:lvl1pPr marL="0" indent="0" algn="ctr">
              <a:buNone/>
              <a:defRPr sz="1600">
                <a:solidFill>
                  <a:schemeClr val="tx1"/>
                </a:solidFill>
              </a:defRPr>
            </a:lvl1pPr>
          </a:lstStyle>
          <a:p>
            <a:endParaRPr lang="en-US" dirty="0"/>
          </a:p>
        </p:txBody>
      </p:sp>
      <p:sp>
        <p:nvSpPr>
          <p:cNvPr id="10" name="Text Placeholder 4">
            <a:extLst>
              <a:ext uri="{FF2B5EF4-FFF2-40B4-BE49-F238E27FC236}">
                <a16:creationId xmlns:a16="http://schemas.microsoft.com/office/drawing/2014/main" id="{FE4E5DF5-D872-4D22-B399-15C13EA7540D}"/>
              </a:ext>
            </a:extLst>
          </p:cNvPr>
          <p:cNvSpPr>
            <a:spLocks noGrp="1"/>
          </p:cNvSpPr>
          <p:nvPr>
            <p:ph type="body" sz="quarter" idx="14" hasCustomPrompt="1"/>
          </p:nvPr>
        </p:nvSpPr>
        <p:spPr>
          <a:xfrm>
            <a:off x="357188" y="4417784"/>
            <a:ext cx="5645512" cy="1440000"/>
          </a:xfrm>
        </p:spPr>
        <p:txBody>
          <a:bodyPr rIns="360000"/>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3" name="Graphic 2">
            <a:extLst>
              <a:ext uri="{FF2B5EF4-FFF2-40B4-BE49-F238E27FC236}">
                <a16:creationId xmlns:a16="http://schemas.microsoft.com/office/drawing/2014/main" id="{B314A1CE-5A23-478F-8CFD-77AE171BBDAB}"/>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8EDCF4BF-2749-408F-9A14-54995A5BC0B9}"/>
              </a:ext>
            </a:extLst>
          </p:cNvPr>
          <p:cNvSpPr>
            <a:spLocks noGrp="1"/>
          </p:cNvSpPr>
          <p:nvPr>
            <p:ph type="dt" sz="half" idx="15"/>
          </p:nvPr>
        </p:nvSpPr>
        <p:spPr/>
        <p:txBody>
          <a:bodyPr/>
          <a:lstStyle>
            <a:lvl1pPr algn="r">
              <a:defRPr>
                <a:solidFill>
                  <a:schemeClr val="tx1"/>
                </a:solidFill>
              </a:defRPr>
            </a:lvl1pPr>
          </a:lstStyle>
          <a:p>
            <a:fld id="{38C98B87-D4B9-423C-8DEF-2D61E36D2867}" type="datetime1">
              <a:rPr lang="en-US" smtClean="0"/>
              <a:pPr/>
              <a:t>8/11/2022</a:t>
            </a:fld>
            <a:endParaRPr lang="en-US" dirty="0"/>
          </a:p>
        </p:txBody>
      </p:sp>
      <p:sp>
        <p:nvSpPr>
          <p:cNvPr id="12" name="Slide Number Placeholder 11">
            <a:extLst>
              <a:ext uri="{FF2B5EF4-FFF2-40B4-BE49-F238E27FC236}">
                <a16:creationId xmlns:a16="http://schemas.microsoft.com/office/drawing/2014/main" id="{60CD60B0-6BC9-4F37-A9BB-5392C94BF82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3" name="text" descr="{&quot;templafy&quot;:{&quot;id&quot;:&quot;b9617627-b491-4480-b334-b8b23bcefbf6&quot;}}" title="Form.Cigna_Confidentiality.EvernorthConfidentiality">
            <a:extLst>
              <a:ext uri="{FF2B5EF4-FFF2-40B4-BE49-F238E27FC236}">
                <a16:creationId xmlns:a16="http://schemas.microsoft.com/office/drawing/2014/main" id="{FEB5D696-2EC4-4B8B-92D9-42BF9303EDBE}"/>
              </a:ext>
            </a:extLst>
          </p:cNvPr>
          <p:cNvSpPr/>
          <p:nvPr userDrawn="1"/>
        </p:nvSpPr>
        <p:spPr>
          <a:xfrm>
            <a:off x="2303463"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09ebe668-4851-4c45-a3ed-9b10ee1dca6b&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339391322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a:xfrm>
            <a:off x="360002" y="1369055"/>
            <a:ext cx="5645512" cy="2924037"/>
          </a:xfrm>
          <a:noFill/>
        </p:spPr>
        <p:txBody>
          <a:bodyPr rIns="360000" anchor="b"/>
          <a:lstStyle>
            <a:lvl1pPr algn="l">
              <a:lnSpc>
                <a:spcPct val="95000"/>
              </a:lnSpc>
              <a:defRPr sz="6000">
                <a:solidFill>
                  <a:schemeClr val="bg1"/>
                </a:solidFill>
              </a:defRPr>
            </a:lvl1pPr>
          </a:lstStyle>
          <a:p>
            <a:r>
              <a:rPr lang="en-US" dirty="0"/>
              <a:t>Click to add title</a:t>
            </a:r>
            <a:endParaRPr lang="en-US"/>
          </a:p>
        </p:txBody>
      </p:sp>
      <p:sp>
        <p:nvSpPr>
          <p:cNvPr id="4" name="Picture Placeholder 3">
            <a:extLst>
              <a:ext uri="{FF2B5EF4-FFF2-40B4-BE49-F238E27FC236}">
                <a16:creationId xmlns:a16="http://schemas.microsoft.com/office/drawing/2014/main" id="{928E0774-DE91-497B-8DE0-42893B8C6484}"/>
              </a:ext>
            </a:extLst>
          </p:cNvPr>
          <p:cNvSpPr>
            <a:spLocks noGrp="1"/>
          </p:cNvSpPr>
          <p:nvPr>
            <p:ph type="pic" sz="quarter" idx="13"/>
          </p:nvPr>
        </p:nvSpPr>
        <p:spPr>
          <a:xfrm>
            <a:off x="6186488" y="0"/>
            <a:ext cx="6003112" cy="6858000"/>
          </a:xfrm>
          <a:solidFill>
            <a:schemeClr val="accent6"/>
          </a:solidFill>
        </p:spPr>
        <p:txBody>
          <a:bodyPr tIns="72000"/>
          <a:lstStyle>
            <a:lvl1pPr marL="0" indent="0" algn="ctr">
              <a:buNone/>
              <a:defRPr sz="1600">
                <a:solidFill>
                  <a:schemeClr val="tx1"/>
                </a:solidFill>
              </a:defRPr>
            </a:lvl1pPr>
          </a:lstStyle>
          <a:p>
            <a:endParaRPr lang="en-US" dirty="0"/>
          </a:p>
        </p:txBody>
      </p:sp>
      <p:sp>
        <p:nvSpPr>
          <p:cNvPr id="10" name="Text Placeholder 4">
            <a:extLst>
              <a:ext uri="{FF2B5EF4-FFF2-40B4-BE49-F238E27FC236}">
                <a16:creationId xmlns:a16="http://schemas.microsoft.com/office/drawing/2014/main" id="{FE4E5DF5-D872-4D22-B399-15C13EA7540D}"/>
              </a:ext>
            </a:extLst>
          </p:cNvPr>
          <p:cNvSpPr>
            <a:spLocks noGrp="1"/>
          </p:cNvSpPr>
          <p:nvPr>
            <p:ph type="body" sz="quarter" idx="14" hasCustomPrompt="1"/>
          </p:nvPr>
        </p:nvSpPr>
        <p:spPr>
          <a:xfrm>
            <a:off x="357188" y="4417784"/>
            <a:ext cx="5645512" cy="1440000"/>
          </a:xfrm>
        </p:spPr>
        <p:txBody>
          <a:bodyPr rIns="360000"/>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3" name="Graphic 2">
            <a:extLst>
              <a:ext uri="{FF2B5EF4-FFF2-40B4-BE49-F238E27FC236}">
                <a16:creationId xmlns:a16="http://schemas.microsoft.com/office/drawing/2014/main" id="{B314A1CE-5A23-478F-8CFD-77AE171BBDAB}"/>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5" name="Date Placeholder 4">
            <a:extLst>
              <a:ext uri="{FF2B5EF4-FFF2-40B4-BE49-F238E27FC236}">
                <a16:creationId xmlns:a16="http://schemas.microsoft.com/office/drawing/2014/main" id="{8EDCF4BF-2749-408F-9A14-54995A5BC0B9}"/>
              </a:ext>
            </a:extLst>
          </p:cNvPr>
          <p:cNvSpPr>
            <a:spLocks noGrp="1"/>
          </p:cNvSpPr>
          <p:nvPr>
            <p:ph type="dt" sz="half" idx="15"/>
          </p:nvPr>
        </p:nvSpPr>
        <p:spPr/>
        <p:txBody>
          <a:bodyPr/>
          <a:lstStyle>
            <a:lvl1pPr algn="r">
              <a:defRPr>
                <a:solidFill>
                  <a:schemeClr val="tx1"/>
                </a:solidFill>
              </a:defRPr>
            </a:lvl1pPr>
          </a:lstStyle>
          <a:p>
            <a:fld id="{38C98B87-D4B9-423C-8DEF-2D61E36D2867}" type="datetime1">
              <a:rPr lang="en-US" smtClean="0"/>
              <a:pPr/>
              <a:t>8/11/2022</a:t>
            </a:fld>
            <a:endParaRPr lang="en-US" dirty="0"/>
          </a:p>
        </p:txBody>
      </p:sp>
      <p:sp>
        <p:nvSpPr>
          <p:cNvPr id="12" name="Slide Number Placeholder 11">
            <a:extLst>
              <a:ext uri="{FF2B5EF4-FFF2-40B4-BE49-F238E27FC236}">
                <a16:creationId xmlns:a16="http://schemas.microsoft.com/office/drawing/2014/main" id="{60CD60B0-6BC9-4F37-A9BB-5392C94BF826}"/>
              </a:ext>
            </a:extLst>
          </p:cNvPr>
          <p:cNvSpPr>
            <a:spLocks noGrp="1"/>
          </p:cNvSpPr>
          <p:nvPr>
            <p:ph type="sldNum" sz="quarter" idx="17"/>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13" name="text" descr="{&quot;templafy&quot;:{&quot;id&quot;:&quot;2caf9668-f89d-4bda-a5b9-61d472741e49&quot;}}" title="Form.Cigna_Confidentiality.EvernorthConfidentiality">
            <a:extLst>
              <a:ext uri="{FF2B5EF4-FFF2-40B4-BE49-F238E27FC236}">
                <a16:creationId xmlns:a16="http://schemas.microsoft.com/office/drawing/2014/main" id="{FEB5D696-2EC4-4B8B-92D9-42BF9303EDBE}"/>
              </a:ext>
            </a:extLst>
          </p:cNvPr>
          <p:cNvSpPr/>
          <p:nvPr userDrawn="1"/>
        </p:nvSpPr>
        <p:spPr>
          <a:xfrm>
            <a:off x="2303463"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4" name="text" descr="{&quot;templafy&quot;:{&quot;id&quot;:&quot;b5d0465d-619b-4aa3-897f-ac62da73575c&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80026586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tx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tx1"/>
                </a:solidFill>
              </a:defRPr>
            </a:lvl1pPr>
          </a:lstStyle>
          <a:p>
            <a:fld id="{2270F7CC-6F44-4B1E-9CD8-24DA9F690952}" type="datetime1">
              <a:rPr lang="en-US" smtClean="0"/>
              <a:pPr/>
              <a:t>8/11/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4" name="Freeform: Shape 13">
            <a:extLst>
              <a:ext uri="{FF2B5EF4-FFF2-40B4-BE49-F238E27FC236}">
                <a16:creationId xmlns:a16="http://schemas.microsoft.com/office/drawing/2014/main" id="{8DB60A37-93CA-4063-B6A3-4CE24A875A99}"/>
              </a:ext>
            </a:extLst>
          </p:cNvPr>
          <p:cNvSpPr>
            <a:spLocks/>
          </p:cNvSpPr>
          <p:nvPr userDrawn="1"/>
        </p:nvSpPr>
        <p:spPr bwMode="auto">
          <a:xfrm>
            <a:off x="4475"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2" name="Freeform: Shape 13">
            <a:extLst>
              <a:ext uri="{FF2B5EF4-FFF2-40B4-BE49-F238E27FC236}">
                <a16:creationId xmlns:a16="http://schemas.microsoft.com/office/drawing/2014/main" id="{3536CCC0-FCBE-9745-A59D-C4AF45B5022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235c2134-719c-4ca7-91ea-c4623d069c35&quot;}}" title="Form.Cigna_Confidentiality.EvernorthConfidentiality">
            <a:extLst>
              <a:ext uri="{FF2B5EF4-FFF2-40B4-BE49-F238E27FC236}">
                <a16:creationId xmlns:a16="http://schemas.microsoft.com/office/drawing/2014/main" id="{2AB6C64D-3766-457C-953B-443416D8A0E4}"/>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2e54a093-e819-42ea-bc33-4154b0cd7054&quot;}}" title="Form.Cigna_Confidentiality.Cigna_confidentiality">
            <a:extLst>
              <a:ext uri="{FF2B5EF4-FFF2-40B4-BE49-F238E27FC236}">
                <a16:creationId xmlns:a16="http://schemas.microsoft.com/office/drawing/2014/main" id="{A5D8DB24-F7D7-4234-80CA-B6417442A45F}"/>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197138226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tx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tx1"/>
                </a:solidFill>
              </a:defRPr>
            </a:lvl1pPr>
          </a:lstStyle>
          <a:p>
            <a:fld id="{39C2A2F5-A266-42EA-AAAE-A14820526928}" type="datetime1">
              <a:rPr lang="en-US" smtClean="0"/>
              <a:pPr/>
              <a:t>8/11/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4" name="Freeform: Shape 13">
            <a:extLst>
              <a:ext uri="{FF2B5EF4-FFF2-40B4-BE49-F238E27FC236}">
                <a16:creationId xmlns:a16="http://schemas.microsoft.com/office/drawing/2014/main" id="{8DB60A37-93CA-4063-B6A3-4CE24A875A99}"/>
              </a:ext>
            </a:extLst>
          </p:cNvPr>
          <p:cNvSpPr>
            <a:spLocks/>
          </p:cNvSpPr>
          <p:nvPr userDrawn="1"/>
        </p:nvSpPr>
        <p:spPr bwMode="auto">
          <a:xfrm>
            <a:off x="-1539"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2" name="Freeform: Shape 13">
            <a:extLst>
              <a:ext uri="{FF2B5EF4-FFF2-40B4-BE49-F238E27FC236}">
                <a16:creationId xmlns:a16="http://schemas.microsoft.com/office/drawing/2014/main" id="{3536CCC0-FCBE-9745-A59D-C4AF45B5022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5dbaec42-b1c1-4407-8b0c-dacf25f09d94&quot;}}" title="Form.Cigna_Confidentiality.EvernorthConfidentiality">
            <a:extLst>
              <a:ext uri="{FF2B5EF4-FFF2-40B4-BE49-F238E27FC236}">
                <a16:creationId xmlns:a16="http://schemas.microsoft.com/office/drawing/2014/main" id="{5EDBBA72-6371-4DAF-B4B7-9533A418EB98}"/>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6" name="text" descr="{&quot;templafy&quot;:{&quot;id&quot;:&quot;0447e1f6-357f-4723-a50c-574d54d7ab4a&quot;}}" title="Form.Cigna_Confidentiality.Cigna_confidentiality">
            <a:extLst>
              <a:ext uri="{FF2B5EF4-FFF2-40B4-BE49-F238E27FC236}">
                <a16:creationId xmlns:a16="http://schemas.microsoft.com/office/drawing/2014/main" id="{2E41E432-EE37-48C1-B961-7468D0DFFC89}"/>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427438580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 Breaker">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invGray">
          <a:xfrm>
            <a:off x="0" y="0"/>
            <a:ext cx="12189600" cy="6858000"/>
          </a:xfrm>
        </p:spPr>
        <p:txBody>
          <a:bodyPr lIns="720000" tIns="1008000" rIns="720000" bIns="720000" anchor="ctr"/>
          <a:lstStyle>
            <a:lvl1pPr algn="ctr">
              <a:lnSpc>
                <a:spcPct val="100000"/>
              </a:lnSpc>
              <a:defRPr sz="6000" cap="all" baseline="0">
                <a:solidFill>
                  <a:schemeClr val="accent1"/>
                </a:solidFill>
              </a:defRPr>
            </a:lvl1pPr>
          </a:lstStyle>
          <a:p>
            <a:r>
              <a:rPr lang="en-US" noProof="0" dirty="0"/>
              <a:t>Click to add title</a:t>
            </a:r>
            <a:endParaRPr lang="en-US" dirty="0"/>
          </a:p>
        </p:txBody>
      </p:sp>
      <p:sp>
        <p:nvSpPr>
          <p:cNvPr id="8" name="Date Placeholder 7">
            <a:extLst>
              <a:ext uri="{FF2B5EF4-FFF2-40B4-BE49-F238E27FC236}">
                <a16:creationId xmlns:a16="http://schemas.microsoft.com/office/drawing/2014/main" id="{91ECBE65-010C-4D94-BF91-EEE143A5516D}"/>
              </a:ext>
            </a:extLst>
          </p:cNvPr>
          <p:cNvSpPr>
            <a:spLocks noGrp="1"/>
          </p:cNvSpPr>
          <p:nvPr>
            <p:ph type="dt" sz="half" idx="10"/>
          </p:nvPr>
        </p:nvSpPr>
        <p:spPr/>
        <p:txBody>
          <a:bodyPr/>
          <a:lstStyle>
            <a:lvl1pPr algn="r">
              <a:defRPr>
                <a:solidFill>
                  <a:schemeClr val="bg1"/>
                </a:solidFill>
              </a:defRPr>
            </a:lvl1pPr>
          </a:lstStyle>
          <a:p>
            <a:fld id="{B3D3D956-63D9-4C8D-8186-AF44CD20FF07}" type="datetime1">
              <a:rPr lang="en-US" smtClean="0"/>
              <a:pPr/>
              <a:t>8/11/2022</a:t>
            </a:fld>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3" name="Freeform: Shape 13">
            <a:extLst>
              <a:ext uri="{FF2B5EF4-FFF2-40B4-BE49-F238E27FC236}">
                <a16:creationId xmlns:a16="http://schemas.microsoft.com/office/drawing/2014/main" id="{5BF43B5A-B549-EB40-B266-D759277FB1E4}"/>
              </a:ext>
            </a:extLst>
          </p:cNvPr>
          <p:cNvSpPr>
            <a:spLocks/>
          </p:cNvSpPr>
          <p:nvPr userDrawn="1"/>
        </p:nvSpPr>
        <p:spPr bwMode="auto">
          <a:xfrm>
            <a:off x="4168"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5" name="Freeform: Shape 13">
            <a:extLst>
              <a:ext uri="{FF2B5EF4-FFF2-40B4-BE49-F238E27FC236}">
                <a16:creationId xmlns:a16="http://schemas.microsoft.com/office/drawing/2014/main" id="{19EA0AE3-789B-9B41-B48D-281FECECB7B8}"/>
              </a:ext>
            </a:extLst>
          </p:cNvPr>
          <p:cNvSpPr>
            <a:spLocks/>
          </p:cNvSpPr>
          <p:nvPr userDrawn="1"/>
        </p:nvSpPr>
        <p:spPr bwMode="auto">
          <a:xfrm flipH="1">
            <a:off x="11344211" y="2740999"/>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1" name="text" descr="{&quot;templafy&quot;:{&quot;id&quot;:&quot;c328b3a5-7a82-48ba-b4ca-a950acbc7a4f&quot;}}" title="Form.Cigna_Confidentiality.EvernorthConfidentiality">
            <a:extLst>
              <a:ext uri="{FF2B5EF4-FFF2-40B4-BE49-F238E27FC236}">
                <a16:creationId xmlns:a16="http://schemas.microsoft.com/office/drawing/2014/main" id="{6A8E02FE-B36B-4D3C-9810-194114003EF1}"/>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7" name="text" descr="{&quot;templafy&quot;:{&quot;id&quot;:&quot;aae1d233-12d0-458e-8f5b-0b0c0ee073ea&quot;}}" title="Form.Cigna_Confidentiality.Cigna_confidentiality">
            <a:extLst>
              <a:ext uri="{FF2B5EF4-FFF2-40B4-BE49-F238E27FC236}">
                <a16:creationId xmlns:a16="http://schemas.microsoft.com/office/drawing/2014/main" id="{39EAAD98-79EC-41B3-A59D-D287C756CF91}"/>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301067230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 Break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1"/>
              </a:solidFill>
            </a:endParaRPr>
          </a:p>
        </p:txBody>
      </p:sp>
      <p:sp>
        <p:nvSpPr>
          <p:cNvPr id="2" name="Title 1"/>
          <p:cNvSpPr>
            <a:spLocks noGrp="1"/>
          </p:cNvSpPr>
          <p:nvPr>
            <p:ph type="ctrTitle" hasCustomPrompt="1"/>
          </p:nvPr>
        </p:nvSpPr>
        <p:spPr>
          <a:xfrm>
            <a:off x="1330325" y="2015832"/>
            <a:ext cx="7586663" cy="1820863"/>
          </a:xfrm>
          <a:noFill/>
        </p:spPr>
        <p:txBody>
          <a:bodyPr anchor="b"/>
          <a:lstStyle>
            <a:lvl1pPr algn="l">
              <a:lnSpc>
                <a:spcPct val="95000"/>
              </a:lnSpc>
              <a:defRPr sz="6000">
                <a:solidFill>
                  <a:schemeClr val="accent1"/>
                </a:solidFill>
              </a:defRPr>
            </a:lvl1pPr>
          </a:lstStyle>
          <a:p>
            <a:r>
              <a:rPr lang="en-US" dirty="0"/>
              <a:t>Click to add title</a:t>
            </a:r>
            <a:endParaRPr lang="en-US"/>
          </a:p>
        </p:txBody>
      </p:sp>
      <p:sp>
        <p:nvSpPr>
          <p:cNvPr id="5" name="Text Placeholder 4">
            <a:extLst>
              <a:ext uri="{FF2B5EF4-FFF2-40B4-BE49-F238E27FC236}">
                <a16:creationId xmlns:a16="http://schemas.microsoft.com/office/drawing/2014/main" id="{3B5B8E23-BCCD-48F4-89AE-573991EF269D}"/>
              </a:ext>
            </a:extLst>
          </p:cNvPr>
          <p:cNvSpPr>
            <a:spLocks noGrp="1"/>
          </p:cNvSpPr>
          <p:nvPr>
            <p:ph type="body" sz="quarter" idx="13" hasCustomPrompt="1"/>
          </p:nvPr>
        </p:nvSpPr>
        <p:spPr>
          <a:xfrm>
            <a:off x="1327513" y="3940605"/>
            <a:ext cx="7586664" cy="1470412"/>
          </a:xfrm>
        </p:spPr>
        <p:txBody>
          <a:bodyPr/>
          <a:lstStyle>
            <a:lvl1pPr marL="0" indent="0">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0" name="Date Placeholder 9">
            <a:extLst>
              <a:ext uri="{FF2B5EF4-FFF2-40B4-BE49-F238E27FC236}">
                <a16:creationId xmlns:a16="http://schemas.microsoft.com/office/drawing/2014/main" id="{06EFAC43-8637-4061-90F9-604632710129}"/>
              </a:ext>
            </a:extLst>
          </p:cNvPr>
          <p:cNvSpPr>
            <a:spLocks noGrp="1"/>
          </p:cNvSpPr>
          <p:nvPr>
            <p:ph type="dt" sz="half" idx="14"/>
          </p:nvPr>
        </p:nvSpPr>
        <p:spPr/>
        <p:txBody>
          <a:bodyPr/>
          <a:lstStyle>
            <a:lvl1pPr algn="r">
              <a:defRPr>
                <a:solidFill>
                  <a:schemeClr val="bg1"/>
                </a:solidFill>
              </a:defRPr>
            </a:lvl1pPr>
          </a:lstStyle>
          <a:p>
            <a:fld id="{DB56BFD0-295D-4062-9406-6B534F0F041D}" type="datetime1">
              <a:rPr lang="en-US" smtClean="0"/>
              <a:pPr/>
              <a:t>8/11/2022</a:t>
            </a:fld>
            <a:endParaRPr lang="en-US" dirty="0"/>
          </a:p>
        </p:txBody>
      </p:sp>
      <p:sp>
        <p:nvSpPr>
          <p:cNvPr id="12" name="Slide Number Placeholder 11">
            <a:extLst>
              <a:ext uri="{FF2B5EF4-FFF2-40B4-BE49-F238E27FC236}">
                <a16:creationId xmlns:a16="http://schemas.microsoft.com/office/drawing/2014/main" id="{D8B0CF25-33C6-4E77-8192-53133BDF8CB7}"/>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pic>
        <p:nvPicPr>
          <p:cNvPr id="7" name="Graphic 6">
            <a:extLst>
              <a:ext uri="{FF2B5EF4-FFF2-40B4-BE49-F238E27FC236}">
                <a16:creationId xmlns:a16="http://schemas.microsoft.com/office/drawing/2014/main" id="{24276A23-64EF-44C3-8D3D-78DC45D6B35C}"/>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1948" y="6357033"/>
            <a:ext cx="1274201" cy="142985"/>
          </a:xfrm>
          <a:prstGeom prst="rect">
            <a:avLst/>
          </a:prstGeom>
        </p:spPr>
      </p:pic>
      <p:sp>
        <p:nvSpPr>
          <p:cNvPr id="14" name="Freeform: Shape 13">
            <a:extLst>
              <a:ext uri="{FF2B5EF4-FFF2-40B4-BE49-F238E27FC236}">
                <a16:creationId xmlns:a16="http://schemas.microsoft.com/office/drawing/2014/main" id="{CF35C74C-E626-458B-8DFD-976AC756073E}"/>
              </a:ext>
            </a:extLst>
          </p:cNvPr>
          <p:cNvSpPr>
            <a:spLocks/>
          </p:cNvSpPr>
          <p:nvPr userDrawn="1"/>
        </p:nvSpPr>
        <p:spPr bwMode="auto">
          <a:xfrm>
            <a:off x="-1539" y="2736517"/>
            <a:ext cx="845389" cy="1680799"/>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13" name="text" descr="{&quot;templafy&quot;:{&quot;id&quot;:&quot;88aec523-185c-4e5d-a823-4f131765dae9&quot;}}" title="Form.Cigna_Confidentiality.EvernorthConfidentiality">
            <a:extLst>
              <a:ext uri="{FF2B5EF4-FFF2-40B4-BE49-F238E27FC236}">
                <a16:creationId xmlns:a16="http://schemas.microsoft.com/office/drawing/2014/main" id="{17C04FF4-86F2-421B-B968-825CA17DD88B}"/>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bg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17" name="text" descr="{&quot;templafy&quot;:{&quot;id&quot;:&quot;5467599f-b744-4321-8b46-531200d33e90&quot;}}" title="Form.Cigna_Confidentiality.Cigna_confidentiality">
            <a:extLst>
              <a:ext uri="{FF2B5EF4-FFF2-40B4-BE49-F238E27FC236}">
                <a16:creationId xmlns:a16="http://schemas.microsoft.com/office/drawing/2014/main" id="{BD2F269E-4784-44B3-AD4F-A48E3571859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1"/>
              </a:solidFill>
              <a:latin typeface="Consolas" panose="020B0609020204030204" pitchFamily="49" charset="0"/>
            </a:endParaRPr>
          </a:p>
        </p:txBody>
      </p:sp>
    </p:spTree>
    <p:extLst>
      <p:ext uri="{BB962C8B-B14F-4D97-AF65-F5344CB8AC3E}">
        <p14:creationId xmlns:p14="http://schemas.microsoft.com/office/powerpoint/2010/main" val="263458146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4.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7.xml"/><Relationship Id="rId47" Type="http://schemas.openxmlformats.org/officeDocument/2006/relationships/tags" Target="../tags/tag12.xml"/><Relationship Id="rId50" Type="http://schemas.openxmlformats.org/officeDocument/2006/relationships/tags" Target="../tags/tag15.xml"/><Relationship Id="rId55" Type="http://schemas.openxmlformats.org/officeDocument/2006/relationships/tags" Target="../tags/tag2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2.xml"/><Relationship Id="rId40" Type="http://schemas.openxmlformats.org/officeDocument/2006/relationships/tags" Target="../tags/tag5.xml"/><Relationship Id="rId45" Type="http://schemas.openxmlformats.org/officeDocument/2006/relationships/tags" Target="../tags/tag10.xml"/><Relationship Id="rId53" Type="http://schemas.openxmlformats.org/officeDocument/2006/relationships/tags" Target="../tags/tag18.xml"/><Relationship Id="rId58" Type="http://schemas.openxmlformats.org/officeDocument/2006/relationships/tags" Target="../tags/tag23.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43" Type="http://schemas.openxmlformats.org/officeDocument/2006/relationships/tags" Target="../tags/tag8.xml"/><Relationship Id="rId48" Type="http://schemas.openxmlformats.org/officeDocument/2006/relationships/tags" Target="../tags/tag13.xml"/><Relationship Id="rId56" Type="http://schemas.openxmlformats.org/officeDocument/2006/relationships/tags" Target="../tags/tag21.xml"/><Relationship Id="rId8" Type="http://schemas.openxmlformats.org/officeDocument/2006/relationships/slideLayout" Target="../slideLayouts/slideLayout8.xml"/><Relationship Id="rId51" Type="http://schemas.openxmlformats.org/officeDocument/2006/relationships/tags" Target="../tags/tag16.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3.xml"/><Relationship Id="rId46" Type="http://schemas.openxmlformats.org/officeDocument/2006/relationships/tags" Target="../tags/tag11.xml"/><Relationship Id="rId59" Type="http://schemas.openxmlformats.org/officeDocument/2006/relationships/image" Target="../media/image1.png"/><Relationship Id="rId20" Type="http://schemas.openxmlformats.org/officeDocument/2006/relationships/slideLayout" Target="../slideLayouts/slideLayout20.xml"/><Relationship Id="rId41" Type="http://schemas.openxmlformats.org/officeDocument/2006/relationships/tags" Target="../tags/tag6.xml"/><Relationship Id="rId54" Type="http://schemas.openxmlformats.org/officeDocument/2006/relationships/tags" Target="../tags/tag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1.xml"/><Relationship Id="rId49" Type="http://schemas.openxmlformats.org/officeDocument/2006/relationships/tags" Target="../tags/tag14.xml"/><Relationship Id="rId57" Type="http://schemas.openxmlformats.org/officeDocument/2006/relationships/tags" Target="../tags/tag22.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9.xml"/><Relationship Id="rId52" Type="http://schemas.openxmlformats.org/officeDocument/2006/relationships/tags" Target="../tags/tag17.xml"/><Relationship Id="rId60"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357188" y="1608138"/>
            <a:ext cx="11472411" cy="4364037"/>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7189" y="360362"/>
            <a:ext cx="7589836" cy="1068388"/>
          </a:xfrm>
          <a:prstGeom prst="rect">
            <a:avLst/>
          </a:prstGeom>
        </p:spPr>
        <p:txBody>
          <a:bodyPr vert="horz" lIns="0" tIns="0" rIns="0" bIns="0" rtlCol="0" anchor="t" anchorCtr="0">
            <a:noAutofit/>
          </a:bodyPr>
          <a:lstStyle/>
          <a:p>
            <a:r>
              <a:rPr lang="en-US" dirty="0"/>
              <a:t>Click to add title</a:t>
            </a:r>
            <a:endParaRPr lang="en-US"/>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9888538" y="6344191"/>
            <a:ext cx="1498874"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D9490F39-9670-48C6-B7AF-75704D3194A0}" type="datetime1">
              <a:rPr lang="en-US" smtClean="0"/>
              <a:pPr algn="r"/>
              <a:t>8/11/2022</a:t>
            </a:fld>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44191"/>
            <a:ext cx="266400" cy="180000"/>
          </a:xfrm>
          <a:prstGeom prst="rect">
            <a:avLst/>
          </a:prstGeom>
        </p:spPr>
        <p:txBody>
          <a:bodyPr vert="horz" lIns="0" tIns="0" rIns="0" bIns="0" rtlCol="0" anchor="b" anchorCtr="0"/>
          <a:lstStyle>
            <a:lvl1pPr algn="r">
              <a:defRPr sz="800" spc="80" baseline="0">
                <a:solidFill>
                  <a:schemeClr val="tx1"/>
                </a:solidFill>
                <a:latin typeface="Consolas" panose="020B0609020204030204" pitchFamily="49" charset="0"/>
              </a:defRPr>
            </a:lvl1pPr>
          </a:lstStyle>
          <a:p>
            <a:fld id="{23AA811B-2EBD-4900-905E-5BE206449611}" type="slidenum">
              <a:rPr lang="en-US" smtClean="0"/>
              <a:pPr/>
              <a:t>‹#›</a:t>
            </a:fld>
            <a:endParaRPr lang="en-US" dirty="0"/>
          </a:p>
        </p:txBody>
      </p:sp>
      <p:sp>
        <p:nvSpPr>
          <p:cNvPr id="5" name="text" descr="{&quot;templafy&quot;:{&quot;id&quot;:&quot;f0c64a55-9e5f-4f36-993e-4f6e3c7c1da7&quot;}}" title="Form.Cigna_Confidentiality.EvernorthConfidentiality">
            <a:extLst>
              <a:ext uri="{FF2B5EF4-FFF2-40B4-BE49-F238E27FC236}">
                <a16:creationId xmlns:a16="http://schemas.microsoft.com/office/drawing/2014/main" id="{0218BFDC-C593-4060-86CB-6BA121C02B84}"/>
              </a:ext>
            </a:extLst>
          </p:cNvPr>
          <p:cNvSpPr/>
          <p:nvPr userDrawn="1"/>
        </p:nvSpPr>
        <p:spPr>
          <a:xfrm>
            <a:off x="4235450" y="6318000"/>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rPr>
              <a:t>© 2021 Evernorth. ALL RIGHTS RESERVED. ALL PRODUCTS AND SERVICES ARE PROVIDED BY OR THROUGH OPERATING SUBSIDIARIES OR AFFILIATES OF EVERNORTH.</a:t>
            </a:r>
          </a:p>
        </p:txBody>
      </p:sp>
      <p:sp>
        <p:nvSpPr>
          <p:cNvPr id="6" name="C" hidden="1">
            <a:extLst>
              <a:ext uri="{FF2B5EF4-FFF2-40B4-BE49-F238E27FC236}">
                <a16:creationId xmlns:a16="http://schemas.microsoft.com/office/drawing/2014/main" id="{1C4B9106-8C42-4FD6-BE41-D1A11D08B0DE}"/>
              </a:ext>
            </a:extLst>
          </p:cNvPr>
          <p:cNvSpPr/>
          <p:nvPr userDrawn="1">
            <p:custDataLst>
              <p:tags r:id="rId36"/>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hidden="1">
            <a:extLst>
              <a:ext uri="{FF2B5EF4-FFF2-40B4-BE49-F238E27FC236}">
                <a16:creationId xmlns:a16="http://schemas.microsoft.com/office/drawing/2014/main" id="{881042B9-FC01-4F98-ACD8-49BC2F3E922C}"/>
              </a:ext>
            </a:extLst>
          </p:cNvPr>
          <p:cNvSpPr/>
          <p:nvPr userDrawn="1">
            <p:custDataLst>
              <p:tags r:id="rId37"/>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hidden="1">
            <a:extLst>
              <a:ext uri="{FF2B5EF4-FFF2-40B4-BE49-F238E27FC236}">
                <a16:creationId xmlns:a16="http://schemas.microsoft.com/office/drawing/2014/main" id="{59C7C277-9424-433C-8660-29713F1B7FB3}"/>
              </a:ext>
            </a:extLst>
          </p:cNvPr>
          <p:cNvSpPr/>
          <p:nvPr userDrawn="1">
            <p:custDataLst>
              <p:tags r:id="rId38"/>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hidden="1">
            <a:extLst>
              <a:ext uri="{FF2B5EF4-FFF2-40B4-BE49-F238E27FC236}">
                <a16:creationId xmlns:a16="http://schemas.microsoft.com/office/drawing/2014/main" id="{AD6D570A-8EAB-4316-A81F-BA83274CE3DF}"/>
              </a:ext>
            </a:extLst>
          </p:cNvPr>
          <p:cNvSpPr/>
          <p:nvPr userDrawn="1">
            <p:custDataLst>
              <p:tags r:id="rId39"/>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hidden="1">
            <a:extLst>
              <a:ext uri="{FF2B5EF4-FFF2-40B4-BE49-F238E27FC236}">
                <a16:creationId xmlns:a16="http://schemas.microsoft.com/office/drawing/2014/main" id="{AF9B7D13-D0E0-4CE3-8CA5-02630940ED38}"/>
              </a:ext>
            </a:extLst>
          </p:cNvPr>
          <p:cNvSpPr/>
          <p:nvPr userDrawn="1">
            <p:custDataLst>
              <p:tags r:id="rId40"/>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hidden="1">
            <a:extLst>
              <a:ext uri="{FF2B5EF4-FFF2-40B4-BE49-F238E27FC236}">
                <a16:creationId xmlns:a16="http://schemas.microsoft.com/office/drawing/2014/main" id="{033FDCAC-185D-4077-BE01-7E2E533BA124}"/>
              </a:ext>
            </a:extLst>
          </p:cNvPr>
          <p:cNvSpPr/>
          <p:nvPr userDrawn="1">
            <p:custDataLst>
              <p:tags r:id="rId41"/>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hidden="1">
            <a:extLst>
              <a:ext uri="{FF2B5EF4-FFF2-40B4-BE49-F238E27FC236}">
                <a16:creationId xmlns:a16="http://schemas.microsoft.com/office/drawing/2014/main" id="{59D95ABC-476B-43DD-B11D-841FD1CCCE12}"/>
              </a:ext>
            </a:extLst>
          </p:cNvPr>
          <p:cNvSpPr/>
          <p:nvPr userDrawn="1">
            <p:custDataLst>
              <p:tags r:id="rId42"/>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hidden="1">
            <a:extLst>
              <a:ext uri="{FF2B5EF4-FFF2-40B4-BE49-F238E27FC236}">
                <a16:creationId xmlns:a16="http://schemas.microsoft.com/office/drawing/2014/main" id="{5786BE75-81AB-4139-B2E5-FC8F4EB28B66}"/>
              </a:ext>
            </a:extLst>
          </p:cNvPr>
          <p:cNvSpPr/>
          <p:nvPr userDrawn="1">
            <p:custDataLst>
              <p:tags r:id="rId43"/>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hidden="1">
            <a:extLst>
              <a:ext uri="{FF2B5EF4-FFF2-40B4-BE49-F238E27FC236}">
                <a16:creationId xmlns:a16="http://schemas.microsoft.com/office/drawing/2014/main" id="{129A9A3B-B084-4187-8ACA-4F0D6C08FE4E}"/>
              </a:ext>
            </a:extLst>
          </p:cNvPr>
          <p:cNvSpPr/>
          <p:nvPr userDrawn="1">
            <p:custDataLst>
              <p:tags r:id="rId44"/>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hidden="1">
            <a:extLst>
              <a:ext uri="{FF2B5EF4-FFF2-40B4-BE49-F238E27FC236}">
                <a16:creationId xmlns:a16="http://schemas.microsoft.com/office/drawing/2014/main" id="{DEC24EF5-2922-409A-98A1-4BE1189C8532}"/>
              </a:ext>
            </a:extLst>
          </p:cNvPr>
          <p:cNvSpPr/>
          <p:nvPr userDrawn="1">
            <p:custDataLst>
              <p:tags r:id="rId45"/>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hidden="1">
            <a:extLst>
              <a:ext uri="{FF2B5EF4-FFF2-40B4-BE49-F238E27FC236}">
                <a16:creationId xmlns:a16="http://schemas.microsoft.com/office/drawing/2014/main" id="{9E90051A-07FE-4055-B29A-3240854D0EDD}"/>
              </a:ext>
            </a:extLst>
          </p:cNvPr>
          <p:cNvSpPr/>
          <p:nvPr userDrawn="1">
            <p:custDataLst>
              <p:tags r:id="rId46"/>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hidden="1">
            <a:extLst>
              <a:ext uri="{FF2B5EF4-FFF2-40B4-BE49-F238E27FC236}">
                <a16:creationId xmlns:a16="http://schemas.microsoft.com/office/drawing/2014/main" id="{A3700F78-6579-4287-82B2-6DFA45008FBC}"/>
              </a:ext>
            </a:extLst>
          </p:cNvPr>
          <p:cNvSpPr/>
          <p:nvPr userDrawn="1">
            <p:custDataLst>
              <p:tags r:id="rId47"/>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hidden="1">
            <a:extLst>
              <a:ext uri="{FF2B5EF4-FFF2-40B4-BE49-F238E27FC236}">
                <a16:creationId xmlns:a16="http://schemas.microsoft.com/office/drawing/2014/main" id="{1DA00B94-1AAF-46A9-9411-BB34A0426C6A}"/>
              </a:ext>
            </a:extLst>
          </p:cNvPr>
          <p:cNvSpPr/>
          <p:nvPr userDrawn="1">
            <p:custDataLst>
              <p:tags r:id="rId48"/>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hidden="1">
            <a:extLst>
              <a:ext uri="{FF2B5EF4-FFF2-40B4-BE49-F238E27FC236}">
                <a16:creationId xmlns:a16="http://schemas.microsoft.com/office/drawing/2014/main" id="{ECDF4EC4-C654-4CC0-A697-7C7F76265642}"/>
              </a:ext>
            </a:extLst>
          </p:cNvPr>
          <p:cNvSpPr/>
          <p:nvPr userDrawn="1">
            <p:custDataLst>
              <p:tags r:id="rId49"/>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hidden="1">
            <a:extLst>
              <a:ext uri="{FF2B5EF4-FFF2-40B4-BE49-F238E27FC236}">
                <a16:creationId xmlns:a16="http://schemas.microsoft.com/office/drawing/2014/main" id="{6A79D1EE-D920-468B-9064-1E73DB948D90}"/>
              </a:ext>
            </a:extLst>
          </p:cNvPr>
          <p:cNvSpPr/>
          <p:nvPr userDrawn="1">
            <p:custDataLst>
              <p:tags r:id="rId50"/>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hidden="1">
            <a:extLst>
              <a:ext uri="{FF2B5EF4-FFF2-40B4-BE49-F238E27FC236}">
                <a16:creationId xmlns:a16="http://schemas.microsoft.com/office/drawing/2014/main" id="{B375DE0F-1FC3-4AAD-B356-C9A3A482C506}"/>
              </a:ext>
            </a:extLst>
          </p:cNvPr>
          <p:cNvSpPr/>
          <p:nvPr userDrawn="1">
            <p:custDataLst>
              <p:tags r:id="rId51"/>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hidden="1">
            <a:extLst>
              <a:ext uri="{FF2B5EF4-FFF2-40B4-BE49-F238E27FC236}">
                <a16:creationId xmlns:a16="http://schemas.microsoft.com/office/drawing/2014/main" id="{82A4A22E-F58E-400A-BF42-0B345083C2DA}"/>
              </a:ext>
            </a:extLst>
          </p:cNvPr>
          <p:cNvSpPr/>
          <p:nvPr userDrawn="1">
            <p:custDataLst>
              <p:tags r:id="rId52"/>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hidden="1">
            <a:extLst>
              <a:ext uri="{FF2B5EF4-FFF2-40B4-BE49-F238E27FC236}">
                <a16:creationId xmlns:a16="http://schemas.microsoft.com/office/drawing/2014/main" id="{18F2331C-BB65-4FCB-BB33-C3286B6868D4}"/>
              </a:ext>
            </a:extLst>
          </p:cNvPr>
          <p:cNvSpPr/>
          <p:nvPr userDrawn="1">
            <p:custDataLst>
              <p:tags r:id="rId53"/>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hidden="1">
            <a:extLst>
              <a:ext uri="{FF2B5EF4-FFF2-40B4-BE49-F238E27FC236}">
                <a16:creationId xmlns:a16="http://schemas.microsoft.com/office/drawing/2014/main" id="{0B31BD39-E957-4B61-99A5-4BA424B9346E}"/>
              </a:ext>
            </a:extLst>
          </p:cNvPr>
          <p:cNvSpPr/>
          <p:nvPr userDrawn="1">
            <p:custDataLst>
              <p:tags r:id="rId54"/>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hidden="1">
            <a:extLst>
              <a:ext uri="{FF2B5EF4-FFF2-40B4-BE49-F238E27FC236}">
                <a16:creationId xmlns:a16="http://schemas.microsoft.com/office/drawing/2014/main" id="{51C7EEDE-B06B-4A00-9549-E9285576C892}"/>
              </a:ext>
            </a:extLst>
          </p:cNvPr>
          <p:cNvSpPr/>
          <p:nvPr userDrawn="1">
            <p:custDataLst>
              <p:tags r:id="rId55"/>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hidden="1">
            <a:extLst>
              <a:ext uri="{FF2B5EF4-FFF2-40B4-BE49-F238E27FC236}">
                <a16:creationId xmlns:a16="http://schemas.microsoft.com/office/drawing/2014/main" id="{346FE888-2B04-40EA-9D03-3CBF808A53C4}"/>
              </a:ext>
            </a:extLst>
          </p:cNvPr>
          <p:cNvSpPr/>
          <p:nvPr userDrawn="1">
            <p:custDataLst>
              <p:tags r:id="rId56"/>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hidden="1">
            <a:extLst>
              <a:ext uri="{FF2B5EF4-FFF2-40B4-BE49-F238E27FC236}">
                <a16:creationId xmlns:a16="http://schemas.microsoft.com/office/drawing/2014/main" id="{8ED580F1-63D4-4934-8F07-895D75D68EFC}"/>
              </a:ext>
            </a:extLst>
          </p:cNvPr>
          <p:cNvSpPr/>
          <p:nvPr userDrawn="1">
            <p:custDataLst>
              <p:tags r:id="rId57"/>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hidden="1">
            <a:extLst>
              <a:ext uri="{FF2B5EF4-FFF2-40B4-BE49-F238E27FC236}">
                <a16:creationId xmlns:a16="http://schemas.microsoft.com/office/drawing/2014/main" id="{64E6E6C5-4F17-4E72-A63A-4DC01755A9FF}"/>
              </a:ext>
            </a:extLst>
          </p:cNvPr>
          <p:cNvSpPr/>
          <p:nvPr userDrawn="1">
            <p:custDataLst>
              <p:tags r:id="rId58"/>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pic>
        <p:nvPicPr>
          <p:cNvPr id="11" name="Graphic 10">
            <a:extLst>
              <a:ext uri="{FF2B5EF4-FFF2-40B4-BE49-F238E27FC236}">
                <a16:creationId xmlns:a16="http://schemas.microsoft.com/office/drawing/2014/main" id="{607DBA84-7BEB-4F76-968F-371B7546850B}"/>
              </a:ext>
            </a:extLst>
          </p:cNvPr>
          <p:cNvPicPr>
            <a:picLocks noChangeAspect="1"/>
          </p:cNvPicPr>
          <p:nvPr userDrawn="1"/>
        </p:nvPicPr>
        <p:blipFill>
          <a:blip r:embed="rId59" cstate="hqprint">
            <a:extLst>
              <a:ext uri="{28A0092B-C50C-407E-A947-70E740481C1C}">
                <a14:useLocalDpi xmlns:a14="http://schemas.microsoft.com/office/drawing/2010/main" val="0"/>
              </a:ext>
              <a:ext uri="{96DAC541-7B7A-43D3-8B79-37D633B846F1}">
                <asvg:svgBlip xmlns:asvg="http://schemas.microsoft.com/office/drawing/2016/SVG/main" r:embed="rId60"/>
              </a:ext>
            </a:extLst>
          </a:blip>
          <a:stretch>
            <a:fillRect/>
          </a:stretch>
        </p:blipFill>
        <p:spPr>
          <a:xfrm>
            <a:off x="361948" y="6357033"/>
            <a:ext cx="1274201" cy="142986"/>
          </a:xfrm>
          <a:prstGeom prst="rect">
            <a:avLst/>
          </a:prstGeom>
        </p:spPr>
      </p:pic>
      <p:sp>
        <p:nvSpPr>
          <p:cNvPr id="8" name="text" descr="{&quot;templafy&quot;:{&quot;id&quot;:&quot;7f8b88c7-7057-48b0-b2cb-aff3b038618f&quot;}}" title="Form.Cigna_Confidentiality.Cigna_confidentiality">
            <a:extLst>
              <a:ext uri="{FF2B5EF4-FFF2-40B4-BE49-F238E27FC236}">
                <a16:creationId xmlns:a16="http://schemas.microsoft.com/office/drawing/2014/main" id="{707EE37D-5AC8-496F-918C-A354CCA61E7B}"/>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63" r:id="rId2"/>
    <p:sldLayoutId id="2147483778" r:id="rId3"/>
    <p:sldLayoutId id="2147483764" r:id="rId4"/>
    <p:sldLayoutId id="2147483793" r:id="rId5"/>
    <p:sldLayoutId id="2147483731" r:id="rId6"/>
    <p:sldLayoutId id="2147483788" r:id="rId7"/>
    <p:sldLayoutId id="2147483783" r:id="rId8"/>
    <p:sldLayoutId id="2147483789" r:id="rId9"/>
    <p:sldLayoutId id="2147483779" r:id="rId10"/>
    <p:sldLayoutId id="2147483737" r:id="rId11"/>
    <p:sldLayoutId id="2147483765" r:id="rId12"/>
    <p:sldLayoutId id="2147483732" r:id="rId13"/>
    <p:sldLayoutId id="2147483790" r:id="rId14"/>
    <p:sldLayoutId id="2147483755" r:id="rId15"/>
    <p:sldLayoutId id="2147483766" r:id="rId16"/>
    <p:sldLayoutId id="2147483757" r:id="rId17"/>
    <p:sldLayoutId id="2147483767" r:id="rId18"/>
    <p:sldLayoutId id="2147483791" r:id="rId19"/>
    <p:sldLayoutId id="2147483768" r:id="rId20"/>
    <p:sldLayoutId id="2147483785" r:id="rId21"/>
    <p:sldLayoutId id="2147483786" r:id="rId22"/>
    <p:sldLayoutId id="2147483787" r:id="rId23"/>
    <p:sldLayoutId id="2147483769" r:id="rId24"/>
    <p:sldLayoutId id="2147483780" r:id="rId25"/>
    <p:sldLayoutId id="2147483773" r:id="rId26"/>
    <p:sldLayoutId id="2147483739" r:id="rId27"/>
    <p:sldLayoutId id="2147483770" r:id="rId28"/>
    <p:sldLayoutId id="2147483743" r:id="rId29"/>
    <p:sldLayoutId id="2147483792" r:id="rId30"/>
    <p:sldLayoutId id="2147483777" r:id="rId31"/>
    <p:sldLayoutId id="2147483744" r:id="rId32"/>
    <p:sldLayoutId id="2147483784" r:id="rId33"/>
    <p:sldLayoutId id="2147483751" r:id="rId34"/>
  </p:sldLayoutIdLst>
  <p:hf hdr="0" ftr="0"/>
  <p:txStyles>
    <p:titleStyle>
      <a:lvl1pPr algn="l" defTabSz="914400" rtl="0" eaLnBrk="1" latinLnBrk="0" hangingPunct="1">
        <a:lnSpc>
          <a:spcPct val="100000"/>
        </a:lnSpc>
        <a:spcBef>
          <a:spcPct val="0"/>
        </a:spcBef>
        <a:buNone/>
        <a:defRPr sz="2800" b="1"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300"/>
        </a:spcBef>
        <a:spcAft>
          <a:spcPts val="600"/>
        </a:spcAft>
        <a:buFont typeface="Segoe UI" panose="020B0502040204020203" pitchFamily="34" charset="0"/>
        <a:buChar char="+"/>
        <a:defRPr sz="2000" kern="1200">
          <a:solidFill>
            <a:schemeClr val="tx1"/>
          </a:solidFill>
          <a:latin typeface="+mn-lt"/>
          <a:ea typeface="+mn-ea"/>
          <a:cs typeface="+mn-cs"/>
        </a:defRPr>
      </a:lvl1pPr>
      <a:lvl2pPr marL="540000" indent="-270000" algn="l" defTabSz="914400" rtl="0" eaLnBrk="1" latinLnBrk="0" hangingPunct="1">
        <a:lnSpc>
          <a:spcPct val="100000"/>
        </a:lnSpc>
        <a:spcBef>
          <a:spcPts val="300"/>
        </a:spcBef>
        <a:spcAft>
          <a:spcPts val="600"/>
        </a:spcAft>
        <a:buSzPct val="80000"/>
        <a:buFont typeface="Segoe UI" panose="020B0502040204020203"/>
        <a:buChar char="+"/>
        <a:defRPr sz="20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20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Segoe UI" panose="020B0502040204020203"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kern="1200" baseline="0">
          <a:solidFill>
            <a:schemeClr val="tx1"/>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1"/>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F26B43"/>
          </p15:clr>
        </p15:guide>
        <p15:guide id="3" orient="horz" pos="226" userDrawn="1">
          <p15:clr>
            <a:srgbClr val="F26B43"/>
          </p15:clr>
        </p15:guide>
        <p15:guide id="4" orient="horz" pos="4093" userDrawn="1">
          <p15:clr>
            <a:srgbClr val="F26B43"/>
          </p15:clr>
        </p15:guide>
        <p15:guide id="6" pos="4394" userDrawn="1">
          <p15:clr>
            <a:srgbClr val="F26B43"/>
          </p15:clr>
        </p15:guide>
        <p15:guide id="7" pos="838" userDrawn="1">
          <p15:clr>
            <a:srgbClr val="F26B43"/>
          </p15:clr>
        </p15:guide>
        <p15:guide id="9" pos="2673" userDrawn="1">
          <p15:clr>
            <a:srgbClr val="F26B43"/>
          </p15:clr>
        </p15:guide>
        <p15:guide id="10" pos="3171" userDrawn="1">
          <p15:clr>
            <a:srgbClr val="F26B43"/>
          </p15:clr>
        </p15:guide>
        <p15:guide id="11" pos="6229" userDrawn="1">
          <p15:clr>
            <a:srgbClr val="F26B43"/>
          </p15:clr>
        </p15:guide>
        <p15:guide id="13" pos="6840" userDrawn="1">
          <p15:clr>
            <a:srgbClr val="F26B43"/>
          </p15:clr>
        </p15:guide>
        <p15:guide id="16" pos="5120" userDrawn="1">
          <p15:clr>
            <a:srgbClr val="F26B43"/>
          </p15:clr>
        </p15:guide>
        <p15:guide id="17" pos="3285" userDrawn="1">
          <p15:clr>
            <a:srgbClr val="F26B43"/>
          </p15:clr>
        </p15:guide>
        <p15:guide id="18" pos="3784" userDrawn="1">
          <p15:clr>
            <a:srgbClr val="F26B43"/>
          </p15:clr>
        </p15:guide>
        <p15:guide id="20" pos="1948" userDrawn="1">
          <p15:clr>
            <a:srgbClr val="F26B43"/>
          </p15:clr>
        </p15:guide>
        <p15:guide id="21" pos="6952" userDrawn="1">
          <p15:clr>
            <a:srgbClr val="F26B43"/>
          </p15:clr>
        </p15:guide>
        <p15:guide id="22" pos="7451" userDrawn="1">
          <p15:clr>
            <a:srgbClr val="F26B43"/>
          </p15:clr>
        </p15:guide>
        <p15:guide id="23" pos="2061" userDrawn="1">
          <p15:clr>
            <a:srgbClr val="F26B43"/>
          </p15:clr>
        </p15:guide>
        <p15:guide id="24" pos="2560" userDrawn="1">
          <p15:clr>
            <a:srgbClr val="F26B43"/>
          </p15:clr>
        </p15:guide>
        <p15:guide id="26" pos="6342" userDrawn="1">
          <p15:clr>
            <a:srgbClr val="F26B43"/>
          </p15:clr>
        </p15:guide>
        <p15:guide id="28" pos="5006" userDrawn="1">
          <p15:clr>
            <a:srgbClr val="F26B43"/>
          </p15:clr>
        </p15:guide>
        <p15:guide id="29" pos="4507" userDrawn="1">
          <p15:clr>
            <a:srgbClr val="F26B43"/>
          </p15:clr>
        </p15:guide>
        <p15:guide id="30" pos="3897" userDrawn="1">
          <p15:clr>
            <a:srgbClr val="F26B43"/>
          </p15:clr>
        </p15:guide>
        <p15:guide id="31" pos="5731" userDrawn="1">
          <p15:clr>
            <a:srgbClr val="F26B43"/>
          </p15:clr>
        </p15:guide>
        <p15:guide id="32" pos="5617" userDrawn="1">
          <p15:clr>
            <a:srgbClr val="F26B43"/>
          </p15:clr>
        </p15:guide>
        <p15:guide id="33" pos="1337" userDrawn="1">
          <p15:clr>
            <a:srgbClr val="F26B43"/>
          </p15:clr>
        </p15:guide>
        <p15:guide id="34" pos="1451"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xml"/><Relationship Id="rId1" Type="http://schemas.openxmlformats.org/officeDocument/2006/relationships/customXml" Target="../../customXml/item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2.xml"/><Relationship Id="rId1" Type="http://schemas.openxmlformats.org/officeDocument/2006/relationships/customXml" Target="../../customXml/item6.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1.xml"/></Relationships>
</file>

<file path=ppt/slides/_rels/slide4.xml.rels><?xml version="1.0" encoding="UTF-8" standalone="yes"?>
<Relationships xmlns="http://schemas.openxmlformats.org/package/2006/relationships"><Relationship Id="rId2" Type="http://schemas.openxmlformats.org/officeDocument/2006/relationships/image" Target="../media/image17.gif"/><Relationship Id="rId1" Type="http://schemas.openxmlformats.org/officeDocument/2006/relationships/slideLayout" Target="../slideLayouts/slideLayout31.xml"/></Relationships>
</file>

<file path=ppt/slides/_rels/slide5.xml.rels><?xml version="1.0" encoding="UTF-8" standalone="yes"?>
<Relationships xmlns="http://schemas.openxmlformats.org/package/2006/relationships"><Relationship Id="rId2" Type="http://schemas.openxmlformats.org/officeDocument/2006/relationships/image" Target="../media/image18.gif"/><Relationship Id="rId1" Type="http://schemas.openxmlformats.org/officeDocument/2006/relationships/slideLayout" Target="../slideLayouts/slideLayout31.xml"/></Relationships>
</file>

<file path=ppt/slides/_rels/slide6.xml.rels><?xml version="1.0" encoding="UTF-8" standalone="yes"?>
<Relationships xmlns="http://schemas.openxmlformats.org/package/2006/relationships"><Relationship Id="rId2" Type="http://schemas.openxmlformats.org/officeDocument/2006/relationships/image" Target="../media/image19.gif"/><Relationship Id="rId1" Type="http://schemas.openxmlformats.org/officeDocument/2006/relationships/slideLayout" Target="../slideLayouts/slideLayout31.xml"/></Relationships>
</file>

<file path=ppt/slides/_rels/slide7.xml.rels><?xml version="1.0" encoding="UTF-8" standalone="yes"?>
<Relationships xmlns="http://schemas.openxmlformats.org/package/2006/relationships"><Relationship Id="rId2" Type="http://schemas.openxmlformats.org/officeDocument/2006/relationships/image" Target="../media/image20.gif"/><Relationship Id="rId1" Type="http://schemas.openxmlformats.org/officeDocument/2006/relationships/slideLayout" Target="../slideLayouts/slideLayout31.xml"/></Relationships>
</file>

<file path=ppt/slides/_rels/slide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jpeg"/><Relationship Id="rId1" Type="http://schemas.openxmlformats.org/officeDocument/2006/relationships/slideLayout" Target="../slideLayouts/slideLayout3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992EDD40-1362-4812-8AD5-B28F968FC7C6}"/>
              </a:ext>
            </a:extLst>
          </p:cNvPr>
          <p:cNvSpPr>
            <a:spLocks noGrp="1"/>
          </p:cNvSpPr>
          <p:nvPr>
            <p:ph type="ctrTitle"/>
          </p:nvPr>
        </p:nvSpPr>
        <p:spPr/>
        <p:txBody>
          <a:bodyPr/>
          <a:lstStyle/>
          <a:p>
            <a:r>
              <a:rPr lang="en-US" dirty="0"/>
              <a:t>The Theory of Constraints</a:t>
            </a:r>
          </a:p>
        </p:txBody>
      </p:sp>
      <p:sp>
        <p:nvSpPr>
          <p:cNvPr id="9" name="Text Placeholder 8">
            <a:extLst>
              <a:ext uri="{FF2B5EF4-FFF2-40B4-BE49-F238E27FC236}">
                <a16:creationId xmlns:a16="http://schemas.microsoft.com/office/drawing/2014/main" id="{5EF6E195-98CC-49D6-A1B1-49B583F6C242}"/>
              </a:ext>
            </a:extLst>
          </p:cNvPr>
          <p:cNvSpPr>
            <a:spLocks noGrp="1"/>
          </p:cNvSpPr>
          <p:nvPr>
            <p:ph type="body" sz="quarter" idx="13"/>
          </p:nvPr>
        </p:nvSpPr>
        <p:spPr/>
        <p:txBody>
          <a:bodyPr/>
          <a:lstStyle/>
          <a:p>
            <a:r>
              <a:rPr lang="en-US" dirty="0"/>
              <a:t>Applying Theory to Software</a:t>
            </a:r>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14"/>
          </p:nvPr>
        </p:nvSpPr>
        <p:spPr/>
        <p:txBody>
          <a:bodyPr/>
          <a:lstStyle/>
          <a:p>
            <a:fld id="{05EEFFD9-A2F0-46DC-A7BD-71A765012766}" type="datetime1">
              <a:rPr lang="en-US" smtClean="0"/>
              <a:pPr/>
              <a:t>8/11/2022</a:t>
            </a:fld>
            <a:endParaRPr lang="en-US" dirty="0"/>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16"/>
          </p:nvPr>
        </p:nvSpPr>
        <p:spPr/>
        <p:txBody>
          <a:bodyPr/>
          <a:lstStyle/>
          <a:p>
            <a:fld id="{23AA811B-2EBD-4900-905E-5BE206449611}"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EAD7056-F108-4469-8F61-ECA238F2EF76}"/>
              </a:ext>
            </a:extLst>
          </p:cNvPr>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a:extLst>
              <a:ext uri="{FF2B5EF4-FFF2-40B4-BE49-F238E27FC236}">
                <a16:creationId xmlns:a16="http://schemas.microsoft.com/office/drawing/2014/main" id="{A771DB45-DECE-4FFE-847E-2A0C75AC2351}"/>
              </a:ext>
            </a:extLst>
          </p:cNvPr>
          <p:cNvSpPr>
            <a:spLocks noGrp="1"/>
          </p:cNvSpPr>
          <p:nvPr>
            <p:ph type="sldNum" sz="quarter" idx="12"/>
          </p:nvPr>
        </p:nvSpPr>
        <p:spPr/>
        <p:txBody>
          <a:bodyPr/>
          <a:lstStyle/>
          <a:p>
            <a:fld id="{23AA811B-2EBD-4900-905E-5BE206449611}" type="slidenum">
              <a:rPr lang="en-US" smtClean="0"/>
              <a:pPr/>
              <a:t>2</a:t>
            </a:fld>
            <a:endParaRPr lang="en-US" dirty="0"/>
          </a:p>
        </p:txBody>
      </p:sp>
      <p:sp>
        <p:nvSpPr>
          <p:cNvPr id="7" name="Text Placeholder 6"/>
          <p:cNvSpPr>
            <a:spLocks noGrp="1"/>
          </p:cNvSpPr>
          <p:nvPr>
            <p:ph type="body" sz="quarter" idx="16"/>
          </p:nvPr>
        </p:nvSpPr>
        <p:spPr/>
        <p:txBody>
          <a:bodyPr/>
          <a:lstStyle/>
          <a:p>
            <a:endParaRPr lang="en-US"/>
          </a:p>
        </p:txBody>
      </p:sp>
      <p:sp>
        <p:nvSpPr>
          <p:cNvPr id="2" name="Title 1">
            <a:extLst>
              <a:ext uri="{FF2B5EF4-FFF2-40B4-BE49-F238E27FC236}">
                <a16:creationId xmlns:a16="http://schemas.microsoft.com/office/drawing/2014/main" id="{28619113-474C-4503-9E48-0E7A5C91FFA8}"/>
              </a:ext>
            </a:extLst>
          </p:cNvPr>
          <p:cNvSpPr>
            <a:spLocks noGrp="1"/>
          </p:cNvSpPr>
          <p:nvPr>
            <p:ph type="title"/>
          </p:nvPr>
        </p:nvSpPr>
        <p:spPr/>
        <p:txBody>
          <a:bodyPr/>
          <a:lstStyle/>
          <a:p>
            <a:r>
              <a:rPr lang="en-US" dirty="0"/>
              <a:t>Agenda</a:t>
            </a:r>
          </a:p>
        </p:txBody>
      </p:sp>
      <p:sp>
        <p:nvSpPr>
          <p:cNvPr id="3" name="Content Placeholder 2">
            <a:extLst>
              <a:ext uri="{FF2B5EF4-FFF2-40B4-BE49-F238E27FC236}">
                <a16:creationId xmlns:a16="http://schemas.microsoft.com/office/drawing/2014/main" id="{3A0E00E0-B04A-4F5A-BAC7-86FCAE69F119}"/>
              </a:ext>
            </a:extLst>
          </p:cNvPr>
          <p:cNvSpPr>
            <a:spLocks noGrp="1"/>
          </p:cNvSpPr>
          <p:nvPr>
            <p:ph idx="4294967295"/>
          </p:nvPr>
        </p:nvSpPr>
        <p:spPr>
          <a:xfrm>
            <a:off x="357189" y="1608138"/>
            <a:ext cx="11115674" cy="4364037"/>
          </a:xfrm>
        </p:spPr>
        <p:txBody>
          <a:bodyPr/>
          <a:lstStyle/>
          <a:p>
            <a:r>
              <a:rPr lang="en-US" dirty="0">
                <a:solidFill>
                  <a:schemeClr val="bg1"/>
                </a:solidFill>
              </a:rPr>
              <a:t>What Is Constraint Theory?</a:t>
            </a:r>
          </a:p>
          <a:p>
            <a:r>
              <a:rPr lang="en-US" dirty="0">
                <a:solidFill>
                  <a:schemeClr val="bg1"/>
                </a:solidFill>
              </a:rPr>
              <a:t>The Five Focusing Steps</a:t>
            </a:r>
          </a:p>
          <a:p>
            <a:r>
              <a:rPr lang="en-US" dirty="0">
                <a:solidFill>
                  <a:schemeClr val="bg1"/>
                </a:solidFill>
              </a:rPr>
              <a:t>Constraint Theory Applied</a:t>
            </a:r>
          </a:p>
          <a:p>
            <a:pPr lvl="1"/>
            <a:r>
              <a:rPr lang="en-US" dirty="0">
                <a:solidFill>
                  <a:schemeClr val="bg1"/>
                </a:solidFill>
              </a:rPr>
              <a:t>Manufacturing</a:t>
            </a:r>
          </a:p>
          <a:p>
            <a:pPr lvl="1"/>
            <a:r>
              <a:rPr lang="en-US" dirty="0">
                <a:solidFill>
                  <a:schemeClr val="bg1"/>
                </a:solidFill>
              </a:rPr>
              <a:t>Software Construction</a:t>
            </a:r>
          </a:p>
          <a:p>
            <a:pPr lvl="1"/>
            <a:r>
              <a:rPr lang="en-US" dirty="0">
                <a:solidFill>
                  <a:schemeClr val="bg1"/>
                </a:solidFill>
              </a:rPr>
              <a:t>Data Processing</a:t>
            </a:r>
          </a:p>
          <a:p>
            <a:r>
              <a:rPr lang="en-US" dirty="0">
                <a:solidFill>
                  <a:schemeClr val="bg1"/>
                </a:solidFill>
              </a:rPr>
              <a:t>Sources and Discussion</a:t>
            </a:r>
          </a:p>
        </p:txBody>
      </p:sp>
    </p:spTree>
    <p:custDataLst>
      <p:custData r:id="rId1"/>
      <p:custData r:id="rId2"/>
    </p:custDataLst>
    <p:extLst>
      <p:ext uri="{BB962C8B-B14F-4D97-AF65-F5344CB8AC3E}">
        <p14:creationId xmlns:p14="http://schemas.microsoft.com/office/powerpoint/2010/main" val="140587681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3</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What Is Constraint Theory?</a:t>
            </a:r>
          </a:p>
        </p:txBody>
      </p:sp>
      <p:sp>
        <p:nvSpPr>
          <p:cNvPr id="3" name="Content Placeholder 2"/>
          <p:cNvSpPr>
            <a:spLocks noGrp="1"/>
          </p:cNvSpPr>
          <p:nvPr>
            <p:ph idx="4294967295"/>
          </p:nvPr>
        </p:nvSpPr>
        <p:spPr>
          <a:xfrm>
            <a:off x="357189" y="897466"/>
            <a:ext cx="11115674" cy="5074709"/>
          </a:xfrm>
        </p:spPr>
        <p:txBody>
          <a:bodyPr/>
          <a:lstStyle/>
          <a:p>
            <a:pPr marL="0" indent="0">
              <a:buNone/>
            </a:pPr>
            <a:r>
              <a:rPr lang="en-US" sz="1800" dirty="0">
                <a:solidFill>
                  <a:schemeClr val="bg1"/>
                </a:solidFill>
              </a:rPr>
              <a:t>The throughput of a system is constrained by one (or very few) “constraints” – </a:t>
            </a:r>
            <a:r>
              <a:rPr lang="en-US" sz="1800" dirty="0" err="1">
                <a:solidFill>
                  <a:schemeClr val="bg1"/>
                </a:solidFill>
              </a:rPr>
              <a:t>ie</a:t>
            </a:r>
            <a:r>
              <a:rPr lang="en-US" sz="1800" dirty="0">
                <a:solidFill>
                  <a:schemeClr val="bg1"/>
                </a:solidFill>
              </a:rPr>
              <a:t>, </a:t>
            </a:r>
            <a:r>
              <a:rPr lang="en-US" sz="1800" b="1" dirty="0">
                <a:solidFill>
                  <a:schemeClr val="bg1"/>
                </a:solidFill>
              </a:rPr>
              <a:t>bottlenecks</a:t>
            </a:r>
            <a:r>
              <a:rPr lang="en-US" sz="1800" dirty="0">
                <a:solidFill>
                  <a:schemeClr val="bg1"/>
                </a:solidFill>
              </a:rPr>
              <a:t>.</a:t>
            </a:r>
          </a:p>
          <a:p>
            <a:pPr marL="0" indent="0">
              <a:buNone/>
            </a:pPr>
            <a:endParaRPr lang="en-US" sz="1800" dirty="0">
              <a:solidFill>
                <a:schemeClr val="bg1"/>
              </a:solidFill>
            </a:endParaRPr>
          </a:p>
          <a:p>
            <a:pPr marL="0" indent="0">
              <a:buNone/>
            </a:pPr>
            <a:r>
              <a:rPr lang="en-US" sz="1800" dirty="0">
                <a:solidFill>
                  <a:schemeClr val="bg1"/>
                </a:solidFill>
              </a:rPr>
              <a:t>From </a:t>
            </a:r>
            <a:r>
              <a:rPr lang="en-US" sz="1800" u="sng" dirty="0">
                <a:solidFill>
                  <a:schemeClr val="bg1"/>
                </a:solidFill>
              </a:rPr>
              <a:t>The Phoenix Project</a:t>
            </a:r>
            <a:r>
              <a:rPr lang="en-US" sz="1800" dirty="0">
                <a:solidFill>
                  <a:schemeClr val="bg1"/>
                </a:solidFill>
              </a:rPr>
              <a:t>:</a:t>
            </a:r>
          </a:p>
          <a:p>
            <a:pPr marL="0" indent="0">
              <a:buNone/>
            </a:pPr>
            <a:endParaRPr lang="en-US" sz="1800" dirty="0">
              <a:solidFill>
                <a:schemeClr val="bg1"/>
              </a:solidFill>
            </a:endParaRPr>
          </a:p>
          <a:p>
            <a:pPr marL="270000" lvl="1" indent="0">
              <a:buNone/>
            </a:pPr>
            <a:r>
              <a:rPr lang="en-US" sz="1800" i="1" dirty="0">
                <a:solidFill>
                  <a:schemeClr val="bg1"/>
                </a:solidFill>
              </a:rPr>
              <a:t>...any improvements made anywhere besides the bottleneck are an illusion.  Astonishing but true!  Any improvement made after the bottleneck is useless, because it will always remain starved, waiting for work from the bottleneck.  And any improvements made before the bottleneck merely results in more inventory piling up at the bottleneck.</a:t>
            </a:r>
          </a:p>
        </p:txBody>
      </p:sp>
    </p:spTree>
    <p:extLst>
      <p:ext uri="{BB962C8B-B14F-4D97-AF65-F5344CB8AC3E}">
        <p14:creationId xmlns:p14="http://schemas.microsoft.com/office/powerpoint/2010/main" val="116349847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4</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The Five Focusing Steps</a:t>
            </a:r>
          </a:p>
        </p:txBody>
      </p:sp>
      <p:sp>
        <p:nvSpPr>
          <p:cNvPr id="3" name="Content Placeholder 2"/>
          <p:cNvSpPr>
            <a:spLocks noGrp="1"/>
          </p:cNvSpPr>
          <p:nvPr>
            <p:ph idx="4294967295"/>
          </p:nvPr>
        </p:nvSpPr>
        <p:spPr>
          <a:xfrm>
            <a:off x="357189" y="897466"/>
            <a:ext cx="11115674" cy="5074709"/>
          </a:xfrm>
        </p:spPr>
        <p:txBody>
          <a:bodyPr/>
          <a:lstStyle/>
          <a:p>
            <a:pPr marL="342900" indent="-342900">
              <a:buFont typeface="+mj-lt"/>
              <a:buAutoNum type="arabicPeriod"/>
            </a:pPr>
            <a:r>
              <a:rPr lang="en-US" sz="1800" b="1" dirty="0">
                <a:solidFill>
                  <a:schemeClr val="bg1"/>
                </a:solidFill>
              </a:rPr>
              <a:t>Identify the Constraint</a:t>
            </a:r>
          </a:p>
          <a:p>
            <a:pPr marL="342900" indent="-342900">
              <a:buFont typeface="+mj-lt"/>
              <a:buAutoNum type="arabicPeriod"/>
            </a:pPr>
            <a:r>
              <a:rPr lang="en-US" sz="1800" b="1" dirty="0">
                <a:solidFill>
                  <a:schemeClr val="bg1"/>
                </a:solidFill>
              </a:rPr>
              <a:t>Exploit the Constraint</a:t>
            </a:r>
            <a:endParaRPr lang="en-US" sz="1800" dirty="0">
              <a:solidFill>
                <a:schemeClr val="bg1"/>
              </a:solidFill>
            </a:endParaRPr>
          </a:p>
          <a:p>
            <a:pPr marL="342900" indent="-342900">
              <a:buFont typeface="+mj-lt"/>
              <a:buAutoNum type="arabicPeriod"/>
            </a:pPr>
            <a:r>
              <a:rPr lang="en-US" sz="1800" b="1" dirty="0">
                <a:solidFill>
                  <a:schemeClr val="bg1"/>
                </a:solidFill>
              </a:rPr>
              <a:t>Subordinate Everything to the Constraint</a:t>
            </a:r>
          </a:p>
          <a:p>
            <a:pPr marL="342900" indent="-342900">
              <a:buFont typeface="+mj-lt"/>
              <a:buAutoNum type="arabicPeriod"/>
            </a:pPr>
            <a:r>
              <a:rPr lang="en-US" sz="1800" b="1" dirty="0">
                <a:solidFill>
                  <a:schemeClr val="bg1"/>
                </a:solidFill>
              </a:rPr>
              <a:t>Elevate the Constraint</a:t>
            </a:r>
            <a:endParaRPr lang="en-US" sz="1800" dirty="0">
              <a:solidFill>
                <a:schemeClr val="bg1"/>
              </a:solidFill>
            </a:endParaRPr>
          </a:p>
          <a:p>
            <a:pPr marL="342900" indent="-342900">
              <a:buFont typeface="+mj-lt"/>
              <a:buAutoNum type="arabicPeriod"/>
            </a:pPr>
            <a:r>
              <a:rPr lang="en-US" sz="1800" b="1" dirty="0">
                <a:solidFill>
                  <a:schemeClr val="bg1"/>
                </a:solidFill>
              </a:rPr>
              <a:t>Avoid Inertia</a:t>
            </a:r>
            <a:endParaRPr lang="en-US" sz="1800" dirty="0">
              <a:solidFill>
                <a:schemeClr val="bg1"/>
              </a:solidFill>
            </a:endParaRPr>
          </a:p>
        </p:txBody>
      </p:sp>
      <p:pic>
        <p:nvPicPr>
          <p:cNvPr id="1026" name="Picture 2" descr="Top 30 Fastest Workers GIFs | Find the best GIF on Gfycat">
            <a:extLst>
              <a:ext uri="{FF2B5EF4-FFF2-40B4-BE49-F238E27FC236}">
                <a16:creationId xmlns:a16="http://schemas.microsoft.com/office/drawing/2014/main" id="{E14C9CE6-6AA1-73E1-1A9C-D8D24C33199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266329" y="2820299"/>
            <a:ext cx="5253503" cy="295947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790147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5</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8508905" cy="613305"/>
          </a:xfrm>
        </p:spPr>
        <p:txBody>
          <a:bodyPr/>
          <a:lstStyle/>
          <a:p>
            <a:r>
              <a:rPr lang="en-US" dirty="0"/>
              <a:t>Constraint Theory Applied - Manufacturing</a:t>
            </a:r>
          </a:p>
        </p:txBody>
      </p:sp>
      <p:sp>
        <p:nvSpPr>
          <p:cNvPr id="3" name="Content Placeholder 2"/>
          <p:cNvSpPr>
            <a:spLocks noGrp="1"/>
          </p:cNvSpPr>
          <p:nvPr>
            <p:ph idx="4294967295"/>
          </p:nvPr>
        </p:nvSpPr>
        <p:spPr>
          <a:xfrm>
            <a:off x="357189" y="897466"/>
            <a:ext cx="11115674" cy="5074709"/>
          </a:xfrm>
        </p:spPr>
        <p:txBody>
          <a:bodyPr/>
          <a:lstStyle/>
          <a:p>
            <a:pPr marL="342900" indent="-342900">
              <a:buFont typeface="+mj-lt"/>
              <a:buAutoNum type="arabicPeriod"/>
            </a:pPr>
            <a:r>
              <a:rPr lang="en-US" sz="1800" b="1" dirty="0">
                <a:solidFill>
                  <a:schemeClr val="bg1"/>
                </a:solidFill>
              </a:rPr>
              <a:t>Identify the Constraint</a:t>
            </a:r>
          </a:p>
          <a:p>
            <a:pPr marL="342900" indent="-342900">
              <a:buFont typeface="+mj-lt"/>
              <a:buAutoNum type="arabicPeriod"/>
            </a:pPr>
            <a:r>
              <a:rPr lang="en-US" sz="1800" b="1" dirty="0">
                <a:solidFill>
                  <a:schemeClr val="bg1"/>
                </a:solidFill>
              </a:rPr>
              <a:t>Exploit the Constraint</a:t>
            </a:r>
            <a:endParaRPr lang="en-US" sz="1800" dirty="0">
              <a:solidFill>
                <a:schemeClr val="bg1"/>
              </a:solidFill>
            </a:endParaRPr>
          </a:p>
          <a:p>
            <a:pPr marL="342900" indent="-342900">
              <a:buFont typeface="+mj-lt"/>
              <a:buAutoNum type="arabicPeriod"/>
            </a:pPr>
            <a:r>
              <a:rPr lang="en-US" sz="1800" b="1" dirty="0">
                <a:solidFill>
                  <a:schemeClr val="bg1"/>
                </a:solidFill>
              </a:rPr>
              <a:t>Subordinate Everything to the Constraint</a:t>
            </a:r>
          </a:p>
          <a:p>
            <a:pPr marL="342900" indent="-342900">
              <a:buFont typeface="+mj-lt"/>
              <a:buAutoNum type="arabicPeriod"/>
            </a:pPr>
            <a:r>
              <a:rPr lang="en-US" sz="1800" b="1" dirty="0">
                <a:solidFill>
                  <a:schemeClr val="bg1"/>
                </a:solidFill>
              </a:rPr>
              <a:t>Elevate the Constraint</a:t>
            </a:r>
            <a:endParaRPr lang="en-US" sz="1800" dirty="0">
              <a:solidFill>
                <a:schemeClr val="bg1"/>
              </a:solidFill>
            </a:endParaRPr>
          </a:p>
          <a:p>
            <a:pPr marL="342900" indent="-342900">
              <a:buFont typeface="+mj-lt"/>
              <a:buAutoNum type="arabicPeriod"/>
            </a:pPr>
            <a:r>
              <a:rPr lang="en-US" sz="1800" b="1" dirty="0">
                <a:solidFill>
                  <a:schemeClr val="bg1"/>
                </a:solidFill>
              </a:rPr>
              <a:t>Avoid Inertia</a:t>
            </a:r>
            <a:endParaRPr lang="en-US" sz="1800" dirty="0">
              <a:solidFill>
                <a:schemeClr val="bg1"/>
              </a:solidFill>
            </a:endParaRPr>
          </a:p>
        </p:txBody>
      </p:sp>
      <p:pic>
        <p:nvPicPr>
          <p:cNvPr id="3074" name="Picture 2" descr="Manufacture GIFs - Get the best GIF on GIPHY">
            <a:extLst>
              <a:ext uri="{FF2B5EF4-FFF2-40B4-BE49-F238E27FC236}">
                <a16:creationId xmlns:a16="http://schemas.microsoft.com/office/drawing/2014/main" id="{C575044D-9ED6-E6BB-D406-B52C72316CC1}"/>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329170" y="2196353"/>
            <a:ext cx="5237630" cy="349175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7031257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6</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9244012" cy="613305"/>
          </a:xfrm>
        </p:spPr>
        <p:txBody>
          <a:bodyPr/>
          <a:lstStyle/>
          <a:p>
            <a:r>
              <a:rPr lang="en-US" dirty="0"/>
              <a:t>Constraint Theory Applied - Software Construction</a:t>
            </a:r>
          </a:p>
        </p:txBody>
      </p:sp>
      <p:sp>
        <p:nvSpPr>
          <p:cNvPr id="3" name="Content Placeholder 2"/>
          <p:cNvSpPr>
            <a:spLocks noGrp="1"/>
          </p:cNvSpPr>
          <p:nvPr>
            <p:ph idx="4294967295"/>
          </p:nvPr>
        </p:nvSpPr>
        <p:spPr>
          <a:xfrm>
            <a:off x="357189" y="897466"/>
            <a:ext cx="11115674" cy="5074709"/>
          </a:xfrm>
        </p:spPr>
        <p:txBody>
          <a:bodyPr/>
          <a:lstStyle/>
          <a:p>
            <a:pPr marL="342900" indent="-342900">
              <a:buFont typeface="+mj-lt"/>
              <a:buAutoNum type="arabicPeriod"/>
            </a:pPr>
            <a:r>
              <a:rPr lang="en-US" sz="1800" b="1" dirty="0">
                <a:solidFill>
                  <a:schemeClr val="bg1"/>
                </a:solidFill>
              </a:rPr>
              <a:t>Identify the Constraint</a:t>
            </a:r>
          </a:p>
          <a:p>
            <a:pPr marL="342900" indent="-342900">
              <a:buFont typeface="+mj-lt"/>
              <a:buAutoNum type="arabicPeriod"/>
            </a:pPr>
            <a:r>
              <a:rPr lang="en-US" sz="1800" b="1" dirty="0">
                <a:solidFill>
                  <a:schemeClr val="bg1"/>
                </a:solidFill>
              </a:rPr>
              <a:t>Exploit the Constraint</a:t>
            </a:r>
            <a:endParaRPr lang="en-US" sz="1800" dirty="0">
              <a:solidFill>
                <a:schemeClr val="bg1"/>
              </a:solidFill>
            </a:endParaRPr>
          </a:p>
          <a:p>
            <a:pPr marL="342900" indent="-342900">
              <a:buFont typeface="+mj-lt"/>
              <a:buAutoNum type="arabicPeriod"/>
            </a:pPr>
            <a:r>
              <a:rPr lang="en-US" sz="1800" b="1" dirty="0">
                <a:solidFill>
                  <a:schemeClr val="bg1"/>
                </a:solidFill>
              </a:rPr>
              <a:t>Subordinate Everything to the Constraint</a:t>
            </a:r>
          </a:p>
          <a:p>
            <a:pPr marL="342900" indent="-342900">
              <a:buFont typeface="+mj-lt"/>
              <a:buAutoNum type="arabicPeriod"/>
            </a:pPr>
            <a:r>
              <a:rPr lang="en-US" sz="1800" b="1" dirty="0">
                <a:solidFill>
                  <a:schemeClr val="bg1"/>
                </a:solidFill>
              </a:rPr>
              <a:t>Elevate the Constraint</a:t>
            </a:r>
            <a:endParaRPr lang="en-US" sz="1800" dirty="0">
              <a:solidFill>
                <a:schemeClr val="bg1"/>
              </a:solidFill>
            </a:endParaRPr>
          </a:p>
          <a:p>
            <a:pPr marL="342900" indent="-342900">
              <a:buFont typeface="+mj-lt"/>
              <a:buAutoNum type="arabicPeriod"/>
            </a:pPr>
            <a:r>
              <a:rPr lang="en-US" sz="1800" b="1" dirty="0">
                <a:solidFill>
                  <a:schemeClr val="bg1"/>
                </a:solidFill>
              </a:rPr>
              <a:t>Avoid Inertia</a:t>
            </a:r>
            <a:endParaRPr lang="en-US" sz="1800" dirty="0">
              <a:solidFill>
                <a:schemeClr val="bg1"/>
              </a:solidFill>
            </a:endParaRPr>
          </a:p>
        </p:txBody>
      </p:sp>
      <p:pic>
        <p:nvPicPr>
          <p:cNvPr id="2050" name="Picture 2" descr="Best Fast Workers God Level GIFs | Gfycat">
            <a:extLst>
              <a:ext uri="{FF2B5EF4-FFF2-40B4-BE49-F238E27FC236}">
                <a16:creationId xmlns:a16="http://schemas.microsoft.com/office/drawing/2014/main" id="{16013A17-02FD-418B-3A1B-55C25458247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096000" y="2798761"/>
            <a:ext cx="5470800" cy="30773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1990666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7</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8" y="360362"/>
            <a:ext cx="9244012" cy="613305"/>
          </a:xfrm>
        </p:spPr>
        <p:txBody>
          <a:bodyPr/>
          <a:lstStyle/>
          <a:p>
            <a:r>
              <a:rPr lang="en-US" dirty="0"/>
              <a:t>Constraint Theory Applied - Data Processing</a:t>
            </a:r>
          </a:p>
        </p:txBody>
      </p:sp>
      <p:sp>
        <p:nvSpPr>
          <p:cNvPr id="3" name="Content Placeholder 2"/>
          <p:cNvSpPr>
            <a:spLocks noGrp="1"/>
          </p:cNvSpPr>
          <p:nvPr>
            <p:ph idx="4294967295"/>
          </p:nvPr>
        </p:nvSpPr>
        <p:spPr>
          <a:xfrm>
            <a:off x="357189" y="897466"/>
            <a:ext cx="11115674" cy="5074709"/>
          </a:xfrm>
        </p:spPr>
        <p:txBody>
          <a:bodyPr/>
          <a:lstStyle/>
          <a:p>
            <a:pPr marL="342900" indent="-342900">
              <a:buFont typeface="+mj-lt"/>
              <a:buAutoNum type="arabicPeriod"/>
            </a:pPr>
            <a:r>
              <a:rPr lang="en-US" sz="1800" b="1" dirty="0">
                <a:solidFill>
                  <a:schemeClr val="bg1"/>
                </a:solidFill>
              </a:rPr>
              <a:t>Identify the Constraint</a:t>
            </a:r>
          </a:p>
          <a:p>
            <a:pPr marL="342900" indent="-342900">
              <a:buFont typeface="+mj-lt"/>
              <a:buAutoNum type="arabicPeriod"/>
            </a:pPr>
            <a:r>
              <a:rPr lang="en-US" sz="1800" b="1" dirty="0">
                <a:solidFill>
                  <a:schemeClr val="bg1"/>
                </a:solidFill>
              </a:rPr>
              <a:t>Exploit the Constraint</a:t>
            </a:r>
            <a:endParaRPr lang="en-US" sz="1800" dirty="0">
              <a:solidFill>
                <a:schemeClr val="bg1"/>
              </a:solidFill>
            </a:endParaRPr>
          </a:p>
          <a:p>
            <a:pPr marL="342900" indent="-342900">
              <a:buFont typeface="+mj-lt"/>
              <a:buAutoNum type="arabicPeriod"/>
            </a:pPr>
            <a:r>
              <a:rPr lang="en-US" sz="1800" b="1" dirty="0">
                <a:solidFill>
                  <a:schemeClr val="bg1"/>
                </a:solidFill>
              </a:rPr>
              <a:t>Subordinate Everything to the Constraint</a:t>
            </a:r>
          </a:p>
          <a:p>
            <a:pPr marL="342900" indent="-342900">
              <a:buFont typeface="+mj-lt"/>
              <a:buAutoNum type="arabicPeriod"/>
            </a:pPr>
            <a:r>
              <a:rPr lang="en-US" sz="1800" b="1" dirty="0">
                <a:solidFill>
                  <a:schemeClr val="bg1"/>
                </a:solidFill>
              </a:rPr>
              <a:t>Elevate the Constraint</a:t>
            </a:r>
            <a:endParaRPr lang="en-US" sz="1800" dirty="0">
              <a:solidFill>
                <a:schemeClr val="bg1"/>
              </a:solidFill>
            </a:endParaRPr>
          </a:p>
          <a:p>
            <a:pPr marL="342900" indent="-342900">
              <a:buFont typeface="+mj-lt"/>
              <a:buAutoNum type="arabicPeriod"/>
            </a:pPr>
            <a:r>
              <a:rPr lang="en-US" sz="1800" b="1" dirty="0">
                <a:solidFill>
                  <a:schemeClr val="bg1"/>
                </a:solidFill>
              </a:rPr>
              <a:t>Avoid Inertia</a:t>
            </a:r>
            <a:endParaRPr lang="en-US" sz="1800" dirty="0">
              <a:solidFill>
                <a:schemeClr val="bg1"/>
              </a:solidFill>
            </a:endParaRPr>
          </a:p>
        </p:txBody>
      </p:sp>
      <p:pic>
        <p:nvPicPr>
          <p:cNvPr id="4098" name="Picture 2" descr="IT Bottlenecks: IT Service Management To Help You Deal With Them">
            <a:extLst>
              <a:ext uri="{FF2B5EF4-FFF2-40B4-BE49-F238E27FC236}">
                <a16:creationId xmlns:a16="http://schemas.microsoft.com/office/drawing/2014/main" id="{7DD2761E-782E-2EEA-4E87-AF593CD39D2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375550" y="2303147"/>
            <a:ext cx="6191250" cy="34766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234983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C204FE7F-AC02-4933-A3F3-221A9E33CB7F}" type="datetime1">
              <a:rPr lang="en-US" smtClean="0"/>
              <a:pPr/>
              <a:t>8/11/2022</a:t>
            </a:fld>
            <a:endParaRPr lang="en-US" dirty="0"/>
          </a:p>
        </p:txBody>
      </p:sp>
      <p:sp>
        <p:nvSpPr>
          <p:cNvPr id="6" name="Slide Number Placeholder 5"/>
          <p:cNvSpPr>
            <a:spLocks noGrp="1"/>
          </p:cNvSpPr>
          <p:nvPr>
            <p:ph type="sldNum" sz="quarter" idx="12"/>
          </p:nvPr>
        </p:nvSpPr>
        <p:spPr/>
        <p:txBody>
          <a:bodyPr/>
          <a:lstStyle/>
          <a:p>
            <a:fld id="{23AA811B-2EBD-4900-905E-5BE206449611}" type="slidenum">
              <a:rPr lang="en-US" smtClean="0"/>
              <a:pPr/>
              <a:t>8</a:t>
            </a:fld>
            <a:endParaRPr lang="en-US" dirty="0"/>
          </a:p>
        </p:txBody>
      </p:sp>
      <p:sp>
        <p:nvSpPr>
          <p:cNvPr id="7" name="Text Placeholder 6"/>
          <p:cNvSpPr>
            <a:spLocks noGrp="1"/>
          </p:cNvSpPr>
          <p:nvPr>
            <p:ph type="body" sz="quarter" idx="16"/>
          </p:nvPr>
        </p:nvSpPr>
        <p:spPr>
          <a:xfrm>
            <a:off x="360000" y="5972400"/>
            <a:ext cx="11206800" cy="179163"/>
          </a:xfrm>
        </p:spPr>
        <p:txBody>
          <a:bodyPr/>
          <a:lstStyle/>
          <a:p>
            <a:endParaRPr lang="en-US" dirty="0"/>
          </a:p>
        </p:txBody>
      </p:sp>
      <p:sp>
        <p:nvSpPr>
          <p:cNvPr id="2" name="Title 1"/>
          <p:cNvSpPr>
            <a:spLocks noGrp="1"/>
          </p:cNvSpPr>
          <p:nvPr>
            <p:ph type="title"/>
          </p:nvPr>
        </p:nvSpPr>
        <p:spPr>
          <a:xfrm>
            <a:off x="357189" y="360362"/>
            <a:ext cx="7394616" cy="613305"/>
          </a:xfrm>
        </p:spPr>
        <p:txBody>
          <a:bodyPr/>
          <a:lstStyle/>
          <a:p>
            <a:r>
              <a:rPr lang="en-US" dirty="0"/>
              <a:t>Sources and Discussion</a:t>
            </a:r>
          </a:p>
        </p:txBody>
      </p:sp>
      <p:sp>
        <p:nvSpPr>
          <p:cNvPr id="3" name="Content Placeholder 2"/>
          <p:cNvSpPr>
            <a:spLocks noGrp="1"/>
          </p:cNvSpPr>
          <p:nvPr>
            <p:ph idx="4294967295"/>
          </p:nvPr>
        </p:nvSpPr>
        <p:spPr>
          <a:xfrm>
            <a:off x="357189" y="897466"/>
            <a:ext cx="11115674" cy="5074709"/>
          </a:xfrm>
        </p:spPr>
        <p:txBody>
          <a:bodyPr/>
          <a:lstStyle/>
          <a:p>
            <a:r>
              <a:rPr lang="en-US" sz="1800" b="1" dirty="0">
                <a:solidFill>
                  <a:schemeClr val="bg1"/>
                </a:solidFill>
              </a:rPr>
              <a:t>The Phoenix Project</a:t>
            </a:r>
            <a:r>
              <a:rPr lang="en-US" sz="1800" dirty="0">
                <a:solidFill>
                  <a:schemeClr val="bg1"/>
                </a:solidFill>
              </a:rPr>
              <a:t> – Novel by Kim, Behr, and others covering Constraint Theory </a:t>
            </a:r>
            <a:r>
              <a:rPr lang="en-US" sz="1800">
                <a:solidFill>
                  <a:schemeClr val="bg1"/>
                </a:solidFill>
              </a:rPr>
              <a:t>in software</a:t>
            </a:r>
            <a:endParaRPr lang="en-US" sz="1800" dirty="0">
              <a:solidFill>
                <a:schemeClr val="bg1"/>
              </a:solidFill>
            </a:endParaRPr>
          </a:p>
          <a:p>
            <a:r>
              <a:rPr lang="en-US" sz="1800" b="1" dirty="0">
                <a:solidFill>
                  <a:schemeClr val="bg1"/>
                </a:solidFill>
              </a:rPr>
              <a:t>Theory of Constraints – The Goal</a:t>
            </a:r>
            <a:r>
              <a:rPr lang="en-US" sz="1800" dirty="0">
                <a:solidFill>
                  <a:schemeClr val="bg1"/>
                </a:solidFill>
              </a:rPr>
              <a:t> – Article on Medium by Tom Connor</a:t>
            </a:r>
          </a:p>
          <a:p>
            <a:r>
              <a:rPr lang="en-US" sz="1800" b="1" dirty="0">
                <a:solidFill>
                  <a:schemeClr val="bg1"/>
                </a:solidFill>
              </a:rPr>
              <a:t>Everything You Need to Know About the Theory of Constraints </a:t>
            </a:r>
            <a:r>
              <a:rPr lang="en-US" sz="1800" dirty="0">
                <a:solidFill>
                  <a:schemeClr val="bg1"/>
                </a:solidFill>
              </a:rPr>
              <a:t>– Article on Smartsheet by Kate </a:t>
            </a:r>
            <a:r>
              <a:rPr lang="en-US" sz="1800" dirty="0" err="1">
                <a:solidFill>
                  <a:schemeClr val="bg1"/>
                </a:solidFill>
              </a:rPr>
              <a:t>Eby</a:t>
            </a:r>
            <a:endParaRPr lang="en-US" sz="1800" dirty="0">
              <a:solidFill>
                <a:schemeClr val="bg1"/>
              </a:solidFill>
            </a:endParaRPr>
          </a:p>
          <a:p>
            <a:r>
              <a:rPr lang="en-US" sz="1800" b="1" dirty="0">
                <a:solidFill>
                  <a:schemeClr val="bg1"/>
                </a:solidFill>
              </a:rPr>
              <a:t>The Goal </a:t>
            </a:r>
            <a:r>
              <a:rPr lang="en-US" sz="1800" dirty="0">
                <a:solidFill>
                  <a:schemeClr val="bg1"/>
                </a:solidFill>
              </a:rPr>
              <a:t>– Seminal novel by Eliyahu Goldratt</a:t>
            </a:r>
          </a:p>
        </p:txBody>
      </p:sp>
      <p:pic>
        <p:nvPicPr>
          <p:cNvPr id="5122" name="Picture 2" descr="The Phoenix Project Reader's Guide">
            <a:extLst>
              <a:ext uri="{FF2B5EF4-FFF2-40B4-BE49-F238E27FC236}">
                <a16:creationId xmlns:a16="http://schemas.microsoft.com/office/drawing/2014/main" id="{E7318D23-A913-1182-E55B-94904E92B39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57189" y="2754744"/>
            <a:ext cx="2338186" cy="3025028"/>
          </a:xfrm>
          <a:prstGeom prst="rect">
            <a:avLst/>
          </a:prstGeom>
          <a:noFill/>
          <a:extLst>
            <a:ext uri="{909E8E84-426E-40DD-AFC4-6F175D3DCCD1}">
              <a14:hiddenFill xmlns:a14="http://schemas.microsoft.com/office/drawing/2010/main">
                <a:solidFill>
                  <a:srgbClr val="FFFFFF"/>
                </a:solidFill>
              </a14:hiddenFill>
            </a:ext>
          </a:extLst>
        </p:spPr>
      </p:pic>
      <p:pic>
        <p:nvPicPr>
          <p:cNvPr id="5124" name="Picture 4" descr="The Goal: A Process of Ongoing Improvement by Eliyahu M. Goldratt, Jeff Cox  | The Book Haven">
            <a:extLst>
              <a:ext uri="{FF2B5EF4-FFF2-40B4-BE49-F238E27FC236}">
                <a16:creationId xmlns:a16="http://schemas.microsoft.com/office/drawing/2014/main" id="{F0C7AE97-75A4-CE68-BE41-60C92AAD75D4}"/>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3642" t="10056" r="23487" b="9350"/>
          <a:stretch/>
        </p:blipFill>
        <p:spPr bwMode="auto">
          <a:xfrm>
            <a:off x="3113202" y="2749238"/>
            <a:ext cx="2032539" cy="309826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4817664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vernorth 16:9">
  <a:themeElements>
    <a:clrScheme name="Evernorth 2021">
      <a:dk1>
        <a:srgbClr val="000000"/>
      </a:dk1>
      <a:lt1>
        <a:srgbClr val="FFFFFF"/>
      </a:lt1>
      <a:dk2>
        <a:srgbClr val="2A2A2A"/>
      </a:dk2>
      <a:lt2>
        <a:srgbClr val="F7F7F7"/>
      </a:lt2>
      <a:accent1>
        <a:srgbClr val="3EFFC0"/>
      </a:accent1>
      <a:accent2>
        <a:srgbClr val="0033FF"/>
      </a:accent2>
      <a:accent3>
        <a:srgbClr val="33CCFF"/>
      </a:accent3>
      <a:accent4>
        <a:srgbClr val="CCFF66"/>
      </a:accent4>
      <a:accent5>
        <a:srgbClr val="66CC33"/>
      </a:accent5>
      <a:accent6>
        <a:srgbClr val="D5D5D5"/>
      </a:accent6>
      <a:hlink>
        <a:srgbClr val="0033FF"/>
      </a:hlink>
      <a:folHlink>
        <a:srgbClr val="0033FF"/>
      </a:folHlink>
    </a:clrScheme>
    <a:fontScheme name="Cigna 2020">
      <a:majorFont>
        <a:latin typeface="Arial"/>
        <a:ea typeface="MS Gothic"/>
        <a:cs typeface=""/>
      </a:majorFont>
      <a:minorFont>
        <a:latin typeface="Arial"/>
        <a:ea typeface="MS Gothic"/>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0,"isValidatorEnabled":false,"isLocked":false,"elementsMetadata":[],"slideId":"637613426736953145","enableDocumentContentUpdater":true,"version":"1.12"}]]></TemplafySlideTemplateConfiguration>
</file>

<file path=customXml/item2.xml><?xml version="1.0" encoding="utf-8"?>
<TemplafySlideTemplateConfiguration><![CDATA[{"slideVersion":0,"isValidatorEnabled":false,"isLocked":false,"elementsMetadata":[],"slideId":"637613426737109384","enableDocumentContentUpdater":true,"version":"1.12"}]]></TemplafySlideTemplateConfiguration>
</file>

<file path=customXml/item3.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4.xml><?xml version="1.0" encoding="utf-8"?>
<TemplafySlideFormConfiguration><![CDATA[{"formFields":[],"formDataEntries":[]}]]></TemplafySlideFormConfiguration>
</file>

<file path=customXml/item5.xml><?xml version="1.0" encoding="utf-8"?>
<TemplafyTemplateConfiguration><![CDATA[{"elementsMetadata":[{"type":"shape","id":"f0c64a55-9e5f-4f36-993e-4f6e3c7c1da7","elementConfiguration":{"binding":"Form.Cigna_Confidentiality.EvernorthConfidentiality","disableUpdates":false,"type":"text"}},{"type":"shape","id":"7f8b88c7-7057-48b0-b2cb-aff3b038618f","elementConfiguration":{"binding":"Form.Cigna_Confidentiality.Cigna_confidentiality","disableUpdates":false,"type":"text"}},{"type":"shape","id":"5dbaec42-b1c1-4407-8b0c-dacf25f09d94","elementConfiguration":{"binding":"Form.Cigna_Confidentiality.EvernorthConfidentiality","disableUpdates":false,"type":"text"}},{"type":"shape","id":"0447e1f6-357f-4723-a50c-574d54d7ab4a","elementConfiguration":{"binding":"Form.Cigna_Confidentiality.Cigna_confidentiality","disableUpdates":false,"type":"text"}},{"type":"shape","id":"c6ffe149-018d-4898-98e9-51ebc92a489c","elementConfiguration":{"binding":"Form.Cigna_Confidentiality.EvernorthConfidentiality","disableUpdates":false,"type":"text"}},{"type":"shape","id":"bddf949e-8a08-4915-a441-042d5562f3ee","elementConfiguration":{"binding":"Form.Cigna_Confidentiality.Cigna_confidentiality","disableUpdates":false,"type":"text"}},{"type":"shape","id":"c641d740-4d84-4762-8a58-242e834337a3","elementConfiguration":{"binding":"Form.Cigna_Confidentiality.EvernorthConfidentiality","disableUpdates":false,"type":"text"}},{"type":"shape","id":"e04f3f0b-e4d7-44cb-9089-8c57be0396b8","elementConfiguration":{"binding":"Form.Cigna_Confidentiality.Cigna_confidentiality","disableUpdates":false,"type":"text"}},{"type":"shape","id":"547ba180-6d7b-41b1-b4f8-ff8aa7f1b8d9","elementConfiguration":{"binding":"Form.Cigna_Confidentiality.EvernorthConfidentiality","disableUpdates":false,"type":"text"}},{"type":"shape","id":"86d0c498-3a14-4529-8832-63db9684a2ff","elementConfiguration":{"binding":"Form.Cigna_Confidentiality.Cigna_confidentiality","disableUpdates":false,"type":"text"}},{"type":"shape","id":"235c2134-719c-4ca7-91ea-c4623d069c35","elementConfiguration":{"binding":"Form.Cigna_Confidentiality.EvernorthConfidentiality","disableUpdates":false,"type":"text"}},{"type":"shape","id":"2e54a093-e819-42ea-bc33-4154b0cd7054","elementConfiguration":{"binding":"Form.Cigna_Confidentiality.Cigna_confidentiality","disableUpdates":false,"type":"text"}},{"type":"shape","id":"d9445c1d-6298-4ff1-932f-28d4c8702774","elementConfiguration":{"binding":"Form.Cigna_Confidentiality.EvernorthConfidentiality","disableUpdates":false,"type":"text"}},{"type":"shape","id":"15631e0e-255d-4ad4-b3f7-81df8b50f8bc","elementConfiguration":{"binding":"Form.Cigna_Confidentiality.Cigna_confidentiality","disableUpdates":false,"type":"text"}},{"type":"shape","id":"2dee36b9-9751-4ded-a149-85d8757825e3","elementConfiguration":{"binding":"Form.Cigna_Confidentiality.EvernorthConfidentiality","disableUpdates":false,"type":"text"}},{"type":"shape","id":"19aff1d1-d366-41dd-95a5-9798f8e71004","elementConfiguration":{"binding":"Form.Cigna_Confidentiality.Cigna_confidentiality","disableUpdates":false,"type":"text"}},{"type":"shape","id":"2caf9668-f89d-4bda-a5b9-61d472741e49","elementConfiguration":{"binding":"Form.Cigna_Confidentiality.EvernorthConfidentiality","disableUpdates":false,"type":"text"}},{"type":"shape","id":"b5d0465d-619b-4aa3-897f-ac62da73575c","elementConfiguration":{"binding":"Form.Cigna_Confidentiality.Cigna_confidentiality","disableUpdates":false,"type":"text"}},{"type":"shape","id":"b4e207ad-6d83-4c79-83ff-4003187b004f","elementConfiguration":{"binding":"Form.Cigna_Confidentiality.EvernorthConfidentiality","disableUpdates":false,"type":"text"}},{"type":"shape","id":"b8977812-2056-40dc-8898-3d3de5394739","elementConfiguration":{"binding":"Form.Cigna_Confidentiality.Cigna_confidentiality","disableUpdates":false,"type":"text"}},{"type":"shape","id":"b9617627-b491-4480-b334-b8b23bcefbf6","elementConfiguration":{"binding":"Form.Cigna_Confidentiality.EvernorthConfidentiality","disableUpdates":false,"type":"text"}},{"type":"shape","id":"09ebe668-4851-4c45-a3ed-9b10ee1dca6b","elementConfiguration":{"binding":"Form.Cigna_Confidentiality.Cigna_confidentiality","disableUpdates":false,"type":"text"}},{"type":"shape","id":"88aec523-185c-4e5d-a823-4f131765dae9","elementConfiguration":{"binding":"Form.Cigna_Confidentiality.EvernorthConfidentiality","disableUpdates":false,"type":"text"}},{"type":"shape","id":"5467599f-b744-4321-8b46-531200d33e90","elementConfiguration":{"binding":"Form.Cigna_Confidentiality.Cigna_confidentiality","disableUpdates":false,"type":"text"}},{"type":"shape","id":"c328b3a5-7a82-48ba-b4ca-a950acbc7a4f","elementConfiguration":{"binding":"Form.Cigna_Confidentiality.EvernorthConfidentiality","disableUpdates":false,"type":"text"}},{"type":"shape","id":"aae1d233-12d0-458e-8f5b-0b0c0ee073ea","elementConfiguration":{"binding":"Form.Cigna_Confidentiality.Cigna_confidentiality","disableUpdates":false,"type":"text"}},{"type":"shape","id":"0696453b-099a-48cc-901c-34f7c64ab139","elementConfiguration":{"binding":"Form.Cigna_Confidentiality.EvernorthConfidentiality","disableUpdates":false,"type":"text"}},{"type":"shape","id":"978ce250-14ca-4887-9b67-58a52e1173b4","elementConfiguration":{"binding":"Form.Cigna_Confidentiality.Cigna_confidentiality","disableUpdates":false,"type":"text"}}],"transformationConfigurations":[{"language":"{{DocumentLanguage}}","disableUpdates":false,"type":"proofingLanguage"}],"templateName":"","templateDescription":"","enableDocumentContentUpdater":true,"version":"1.12"}]]></Templafy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2546B32-2351-4076-83EF-E5A9B4AFAD40}">
  <ds:schemaRefs/>
</ds:datastoreItem>
</file>

<file path=customXml/itemProps2.xml><?xml version="1.0" encoding="utf-8"?>
<ds:datastoreItem xmlns:ds="http://schemas.openxmlformats.org/officeDocument/2006/customXml" ds:itemID="{69959F0B-2648-4794-8D32-9E1511ED07D7}">
  <ds:schemaRefs/>
</ds:datastoreItem>
</file>

<file path=customXml/itemProps3.xml><?xml version="1.0" encoding="utf-8"?>
<ds:datastoreItem xmlns:ds="http://schemas.openxmlformats.org/officeDocument/2006/customXml" ds:itemID="{180E6B4A-02B3-49EE-B6F9-C0FE6F86CE81}">
  <ds:schemaRefs/>
</ds:datastoreItem>
</file>

<file path=customXml/itemProps4.xml><?xml version="1.0" encoding="utf-8"?>
<ds:datastoreItem xmlns:ds="http://schemas.openxmlformats.org/officeDocument/2006/customXml" ds:itemID="{6D58C35B-A86D-4831-A748-0749BF4D8337}">
  <ds:schemaRefs/>
</ds:datastoreItem>
</file>

<file path=customXml/itemProps5.xml><?xml version="1.0" encoding="utf-8"?>
<ds:datastoreItem xmlns:ds="http://schemas.openxmlformats.org/officeDocument/2006/customXml" ds:itemID="{9E4D2E6F-FE49-4FFB-A5F2-EDA5AAB1D111}">
  <ds:schemaRefs/>
</ds:datastoreItem>
</file>

<file path=customXml/itemProps6.xml><?xml version="1.0" encoding="utf-8"?>
<ds:datastoreItem xmlns:ds="http://schemas.openxmlformats.org/officeDocument/2006/customXml" ds:itemID="{572020D8-0F8A-4694-A5D5-3FD346308DB0}">
  <ds:schemaRefs/>
</ds:datastoreItem>
</file>

<file path=docProps/app.xml><?xml version="1.0" encoding="utf-8"?>
<Properties xmlns="http://schemas.openxmlformats.org/officeDocument/2006/extended-properties" xmlns:vt="http://schemas.openxmlformats.org/officeDocument/2006/docPropsVTypes">
  <Template/>
  <TotalTime>0</TotalTime>
  <Words>277</Words>
  <Application>Microsoft Office PowerPoint</Application>
  <PresentationFormat>Widescreen</PresentationFormat>
  <Paragraphs>61</Paragraphs>
  <Slides>8</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8</vt:i4>
      </vt:variant>
    </vt:vector>
  </HeadingPairs>
  <TitlesOfParts>
    <vt:vector size="13" baseType="lpstr">
      <vt:lpstr>Arial</vt:lpstr>
      <vt:lpstr>Arial Black</vt:lpstr>
      <vt:lpstr>Consolas</vt:lpstr>
      <vt:lpstr>Segoe UI</vt:lpstr>
      <vt:lpstr>Evernorth 16:9</vt:lpstr>
      <vt:lpstr>The Theory of Constraints</vt:lpstr>
      <vt:lpstr>Agenda</vt:lpstr>
      <vt:lpstr>What Is Constraint Theory?</vt:lpstr>
      <vt:lpstr>The Five Focusing Steps</vt:lpstr>
      <vt:lpstr>Constraint Theory Applied - Manufacturing</vt:lpstr>
      <vt:lpstr>Constraint Theory Applied - Software Construction</vt:lpstr>
      <vt:lpstr>Constraint Theory Applied - Data Processing</vt:lpstr>
      <vt:lpstr>Sources and Discuss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2-08-11T13:07: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cigna</vt:lpwstr>
  </property>
  <property fmtid="{D5CDD505-2E9C-101B-9397-08002B2CF9AE}" pid="3" name="TemplafyTemplateId">
    <vt:lpwstr>637473387261166379</vt:lpwstr>
  </property>
  <property fmtid="{D5CDD505-2E9C-101B-9397-08002B2CF9AE}" pid="4" name="TemplafyUserProfileId">
    <vt:lpwstr>637560228367785803</vt:lpwstr>
  </property>
  <property fmtid="{D5CDD505-2E9C-101B-9397-08002B2CF9AE}" pid="5" name="TemplafyLanguageCode">
    <vt:lpwstr>en-US</vt:lpwstr>
  </property>
</Properties>
</file>